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301915013\Downloads\"/>
    </mc:Choice>
  </mc:AlternateContent>
  <bookViews>
    <workbookView xWindow="0" yWindow="0" windowWidth="23040" windowHeight="7020" firstSheet="28" activeTab="29"/>
  </bookViews>
  <sheets>
    <sheet name="סכום נכסי הקרן" sheetId="1" r:id="rId1"/>
    <sheet name="מזומנים" sheetId="2" r:id="rId2"/>
    <sheet name="תעודות התחייבות ממשלתיות" sheetId="3" r:id="rId3"/>
    <sheet name="תעודות חוב מסחריות" sheetId="4" r:id="rId4"/>
    <sheet name="אג&quot;ח קונצרני" sheetId="5" r:id="rId5"/>
    <sheet name="מניות" sheetId="6" r:id="rId6"/>
    <sheet name="קרנות סל" sheetId="7" r:id="rId7"/>
    <sheet name="קרנות נאמנות" sheetId="8" r:id="rId8"/>
    <sheet name="כתבי אופציה" sheetId="9" r:id="rId9"/>
    <sheet name="אופציות" sheetId="10" r:id="rId10"/>
    <sheet name="חוזים עתידיים" sheetId="11" r:id="rId11"/>
    <sheet name="מוצרים מובנים" sheetId="12" r:id="rId12"/>
    <sheet name="לא סחיר- תעודות התחייבות ממשלתי" sheetId="13" r:id="rId13"/>
    <sheet name="לא סחיר - תעודות חוב מסחריות" sheetId="14" r:id="rId14"/>
    <sheet name="לא סחיר - אג&quot;ח קונצרני" sheetId="15" r:id="rId15"/>
    <sheet name="לא סחיר - מניות" sheetId="16" r:id="rId16"/>
    <sheet name="לא סחיר - קרנות השקעה" sheetId="17" r:id="rId17"/>
    <sheet name="לא סחיר - כתבי אופציה" sheetId="18" r:id="rId18"/>
    <sheet name="לא סחיר - אופציות" sheetId="19" r:id="rId19"/>
    <sheet name="לא סחיר - חוזים עתידיים" sheetId="20" r:id="rId20"/>
    <sheet name="לא סחיר - מוצרים מובנים" sheetId="21" r:id="rId21"/>
    <sheet name="הלוואות" sheetId="22" r:id="rId22"/>
    <sheet name="פקדונות מעל 3 חודשים" sheetId="23" r:id="rId23"/>
    <sheet name="זכויות מקרקעין" sheetId="24" r:id="rId24"/>
    <sheet name="השקעה בחברות מוחזקות" sheetId="25" r:id="rId25"/>
    <sheet name="השקעות אחרות" sheetId="26" r:id="rId26"/>
    <sheet name="יתרת התחייבות להשקעה" sheetId="27" r:id="rId27"/>
    <sheet name="עלות מתואמת אג&quot;ח קונצרני סחיר" sheetId="28" r:id="rId28"/>
    <sheet name="עלות מתואמת אג&quot;ח קונצרני ל.סחיר" sheetId="29" r:id="rId29"/>
    <sheet name="עלות מתואמת מסגרות אשראי ללווים" sheetId="30" r:id="rId30"/>
  </sheets>
  <calcPr calcId="0"/>
</workbook>
</file>

<file path=xl/sharedStrings.xml><?xml version="1.0" encoding="utf-8"?>
<sst xmlns="http://schemas.openxmlformats.org/spreadsheetml/2006/main" count="5501" uniqueCount="501">
  <si>
    <t>תאריך הדיווח</t>
  </si>
  <si>
    <t>30/12/2021</t>
  </si>
  <si>
    <t>החברה המדווחת</t>
  </si>
  <si>
    <t>גמל על, קופת תגמולים לעובדי אל על</t>
  </si>
  <si>
    <t>שם מסלול/קרן/קופה</t>
  </si>
  <si>
    <t>אל על מסלול מניית</t>
  </si>
  <si>
    <t>מספר מסלול/קרן/קופה</t>
  </si>
  <si>
    <t/>
  </si>
  <si>
    <t>סכום נכסי ההשקעה:</t>
  </si>
  <si>
    <t>שווי הוגן</t>
  </si>
  <si>
    <t>שעור מנכסי השקעה*</t>
  </si>
  <si>
    <t>אלפי ש"ח</t>
  </si>
  <si>
    <t>אחוזים</t>
  </si>
  <si>
    <t>(1)</t>
  </si>
  <si>
    <t>(2)</t>
  </si>
  <si>
    <t>1. נכסים המוצגים לפי שווי הוגן</t>
  </si>
  <si>
    <t>&lt;&lt;&lt;</t>
  </si>
  <si>
    <t>א. מזומנים</t>
  </si>
  <si>
    <t>ב. ניירות ערך סחירים:</t>
  </si>
  <si>
    <t>(1) תעודות התחייבות ממשלתיות</t>
  </si>
  <si>
    <t>(2) תעודות חוב מסחריות</t>
  </si>
  <si>
    <t>(3) אג''ח קונצרני</t>
  </si>
  <si>
    <t>(4) מניות</t>
  </si>
  <si>
    <t>(5) קרנות סל</t>
  </si>
  <si>
    <t>(6) תעודות השתתפות בקרנות נאמנות</t>
  </si>
  <si>
    <t>(7) כתבי אופציה</t>
  </si>
  <si>
    <t>(8) אופציות</t>
  </si>
  <si>
    <t>(9) חוזים עתידיים</t>
  </si>
  <si>
    <t>(10) מוצרים מובנים</t>
  </si>
  <si>
    <t>ג. ניירות ערך לא סחירים:</t>
  </si>
  <si>
    <t>(5) קרנות השקעה</t>
  </si>
  <si>
    <t>(6) כתבי אופציה</t>
  </si>
  <si>
    <t>(7) אופציות</t>
  </si>
  <si>
    <t>(8) חוזים עתידיים</t>
  </si>
  <si>
    <t>(9) מוצרים מובנים</t>
  </si>
  <si>
    <t>ד. הלוואות</t>
  </si>
  <si>
    <t>ה. פקדונות מעל 3 חודשים</t>
  </si>
  <si>
    <t>ו. זכויות מקרקעין</t>
  </si>
  <si>
    <t>ז. השקעה בחברות מוחזקות</t>
  </si>
  <si>
    <t>ח. השקעות אחרות</t>
  </si>
  <si>
    <t>2. נכסים המוצגים לפי עלות מתואמת</t>
  </si>
  <si>
    <t xml:space="preserve">א. אג"ח קונצרני סחיר </t>
  </si>
  <si>
    <t>ב. אג"ח קונצרני לא סחיר</t>
  </si>
  <si>
    <t>ג. מסגרות אשראי מנוצלות ללווים</t>
  </si>
  <si>
    <t>סה''כ סכום נכסי המסלול או הקרן</t>
  </si>
  <si>
    <t>ט. יתרות התחייבות להשקעה:</t>
  </si>
  <si>
    <t>* בהתאם לשיטה שיושמה בדוח הכספי</t>
  </si>
  <si>
    <t>שם מטבע</t>
  </si>
  <si>
    <t>שע"ח</t>
  </si>
  <si>
    <t>דולר אמריקאי</t>
  </si>
  <si>
    <t xml:space="preserve">3.11 </t>
  </si>
  <si>
    <t>פרנק שווצרי</t>
  </si>
  <si>
    <t xml:space="preserve">3.3969 </t>
  </si>
  <si>
    <t>אירו</t>
  </si>
  <si>
    <t xml:space="preserve">3.522 </t>
  </si>
  <si>
    <t>יואן סיני</t>
  </si>
  <si>
    <t xml:space="preserve">0.4877 </t>
  </si>
  <si>
    <t>דולר הונג קונג</t>
  </si>
  <si>
    <t xml:space="preserve">0.3987 </t>
  </si>
  <si>
    <t>סוף מידע</t>
  </si>
  <si>
    <t>1.א. מזומנים ושווי מזומנים</t>
  </si>
  <si>
    <t>שם המנפיק/שם נייר ערך</t>
  </si>
  <si>
    <t>מספר ני"ע</t>
  </si>
  <si>
    <t>מספר מנפיק</t>
  </si>
  <si>
    <t>דירוג</t>
  </si>
  <si>
    <t>שם מדרג</t>
  </si>
  <si>
    <t>סוג מטבע</t>
  </si>
  <si>
    <t>שיעור ריבית</t>
  </si>
  <si>
    <t>תשואה לפידיון</t>
  </si>
  <si>
    <t>שווי שוק</t>
  </si>
  <si>
    <t>שעור מנכסי אפיק ההשקעה</t>
  </si>
  <si>
    <t>שעור מסך נכסי השקעה</t>
  </si>
  <si>
    <t>(3)</t>
  </si>
  <si>
    <t>(4)</t>
  </si>
  <si>
    <t>(5)</t>
  </si>
  <si>
    <t>(6)</t>
  </si>
  <si>
    <t>(7)</t>
  </si>
  <si>
    <t>(8)</t>
  </si>
  <si>
    <t>(9)</t>
  </si>
  <si>
    <t>(10)</t>
  </si>
  <si>
    <t>סה"כ מזומנים ושווי מזומנים</t>
  </si>
  <si>
    <t>:סה"כ בישראל</t>
  </si>
  <si>
    <t>יתרות מזומנים ועו"ש בש"ח</t>
  </si>
  <si>
    <t>פועלים סהר - שקל חדש</t>
  </si>
  <si>
    <t>ilAA+</t>
  </si>
  <si>
    <t>מעלות S&amp;P</t>
  </si>
  <si>
    <t>שקל חדש</t>
  </si>
  <si>
    <t>יתרות מזומנים ועו"ש נקובים במט"ח</t>
  </si>
  <si>
    <t>פועלים סהר - אירו</t>
  </si>
  <si>
    <t>פועלים סהר - פרנק שווצרי</t>
  </si>
  <si>
    <t>פועלים סהר - דולר אמריקאי</t>
  </si>
  <si>
    <t>פועלים סהר - דולר הונג קונג</t>
  </si>
  <si>
    <t>פועלים סהר - יואן סיני</t>
  </si>
  <si>
    <t>פח"ק פר"י</t>
  </si>
  <si>
    <t>פק"מ לתקופה של עד שלושה חודשים</t>
  </si>
  <si>
    <t>פקדון צמוד מדד עד שלושה חודשים</t>
  </si>
  <si>
    <t>פקדון צמוד מט"ח עד שלושה חודשים (פצ"מ)</t>
  </si>
  <si>
    <t>פקדונות במט"ח עד שלושה חודשים</t>
  </si>
  <si>
    <t>:סה"כ בחו"ל</t>
  </si>
  <si>
    <t xml:space="preserve">יתרות מזומנים ועו"ש נקובים במט"ח </t>
  </si>
  <si>
    <t>* בעל ענין/צד קשור</t>
  </si>
  <si>
    <t>1.ב. ניירות ערך סחירים</t>
  </si>
  <si>
    <t>1. תעודות התחייבות ממשלתיות</t>
  </si>
  <si>
    <t>זירת מסחר</t>
  </si>
  <si>
    <t>תאריך רכישה</t>
  </si>
  <si>
    <t>מח"מ</t>
  </si>
  <si>
    <t>ערך נקוב</t>
  </si>
  <si>
    <t>שער</t>
  </si>
  <si>
    <t>פדיון/ריבית לקבל</t>
  </si>
  <si>
    <t>שעור מערך נקוב מונפק</t>
  </si>
  <si>
    <t>שעור מסך נכסי השקעה**</t>
  </si>
  <si>
    <t>שנים</t>
  </si>
  <si>
    <t>ש"ח</t>
  </si>
  <si>
    <t>אגורות</t>
  </si>
  <si>
    <t>(11)</t>
  </si>
  <si>
    <t>(12)</t>
  </si>
  <si>
    <t>(13)</t>
  </si>
  <si>
    <t>(14)</t>
  </si>
  <si>
    <t>(15)</t>
  </si>
  <si>
    <t>(16)</t>
  </si>
  <si>
    <t>סה"כ תעודות התחייבות ממשלתיות</t>
  </si>
  <si>
    <t>סה"כ צמודות מדד</t>
  </si>
  <si>
    <t>סה"כ לא צמודות</t>
  </si>
  <si>
    <t>סה"כ צמודות לדולר</t>
  </si>
  <si>
    <t>סה"כ אג"ח של ממשלת ישראל שהונפקו בחו"ל</t>
  </si>
  <si>
    <t>סה"כ אג"ח  שהנפיקו ממשלות זרות בחו"ל</t>
  </si>
  <si>
    <t>** בהתאם לשיטה שיושמה בדוח הכספי</t>
  </si>
  <si>
    <t>2. תעודות חוב מסחריות</t>
  </si>
  <si>
    <t>ספק המידע</t>
  </si>
  <si>
    <t>ענף מסחר</t>
  </si>
  <si>
    <t>(17)</t>
  </si>
  <si>
    <t>(18)</t>
  </si>
  <si>
    <t>(19)</t>
  </si>
  <si>
    <t>סה"כ תעודות חוב מסחריות</t>
  </si>
  <si>
    <t>סה"כ צמודות</t>
  </si>
  <si>
    <t>סה"כ צמודות למט"ח</t>
  </si>
  <si>
    <t>סה"כ חברות זרות בחו"ל</t>
  </si>
  <si>
    <t>סה"כ חברות ישראליות בחו"ל</t>
  </si>
  <si>
    <t>סה"כ בחו"ל</t>
  </si>
  <si>
    <t>3. אג"ח קונצרני</t>
  </si>
  <si>
    <t>תאריך</t>
  </si>
  <si>
    <t>יחידות</t>
  </si>
  <si>
    <t>סה"כ אגרות חוב קונצרניות</t>
  </si>
  <si>
    <t>סה"כ צמודות למדד אחר</t>
  </si>
  <si>
    <t>4. מניות</t>
  </si>
  <si>
    <t>דיבידנד לקבל</t>
  </si>
  <si>
    <t>סה"כ מניות</t>
  </si>
  <si>
    <t xml:space="preserve">סה"כ תל אביב 35 </t>
  </si>
  <si>
    <t>אלביט מערכות</t>
  </si>
  <si>
    <t>TASE</t>
  </si>
  <si>
    <t>אחר</t>
  </si>
  <si>
    <t>ביטחוניות</t>
  </si>
  <si>
    <t>נייס מערכות</t>
  </si>
  <si>
    <t>תוכנה ואינטרנט</t>
  </si>
  <si>
    <t>אמות</t>
  </si>
  <si>
    <t>נדל"ן מניב בישראל</t>
  </si>
  <si>
    <t>מבני תעשיה בע"מ מ"ר 1 ש"ח</t>
  </si>
  <si>
    <t>מליסרון מ"ר 1 ש"ח</t>
  </si>
  <si>
    <t>עזריאלי קבוצה</t>
  </si>
  <si>
    <t>אלקטרה</t>
  </si>
  <si>
    <t>השקעה ואחזקות</t>
  </si>
  <si>
    <t>. אנרג'יקס-אנרגיות מתחדשות</t>
  </si>
  <si>
    <t>אנרגיה מתחדשת</t>
  </si>
  <si>
    <t>מיטרוניקס</t>
  </si>
  <si>
    <t>רובוטיקה ותלת מימד</t>
  </si>
  <si>
    <t>שופרסל</t>
  </si>
  <si>
    <t>רשתות שיווק</t>
  </si>
  <si>
    <t>דיסקונט</t>
  </si>
  <si>
    <t>בנקים</t>
  </si>
  <si>
    <t>לאומי</t>
  </si>
  <si>
    <t>מזרחי טפחות</t>
  </si>
  <si>
    <t>הפועלים</t>
  </si>
  <si>
    <t>הפניקס</t>
  </si>
  <si>
    <t>ביטוח</t>
  </si>
  <si>
    <t>בזק</t>
  </si>
  <si>
    <t>תקשורת ומדיה</t>
  </si>
  <si>
    <t>סה"כ תל אביב 90</t>
  </si>
  <si>
    <t>1 'וואן טכנולוגיות תוכנה מר</t>
  </si>
  <si>
    <t>שרותי מידע</t>
  </si>
  <si>
    <t>מטריקס</t>
  </si>
  <si>
    <t>1 .פורמולה מ.ר</t>
  </si>
  <si>
    <t>דמרי בניה ופיתוח מ"ר</t>
  </si>
  <si>
    <t>בנייה</t>
  </si>
  <si>
    <t>ישראל קנדה מ"ר 1</t>
  </si>
  <si>
    <t>מניבים ריט</t>
  </si>
  <si>
    <t>נכסים ובנין</t>
  </si>
  <si>
    <t>אלטשולר שחם גמל</t>
  </si>
  <si>
    <t>שרותים פיננסיים</t>
  </si>
  <si>
    <t>ישראכרט</t>
  </si>
  <si>
    <t>ג'נריישן קפיטל</t>
  </si>
  <si>
    <t>קנון</t>
  </si>
  <si>
    <t>. אנלייט אנרגיה מתחדשת בעמ</t>
  </si>
  <si>
    <t>טרמינל איקס</t>
  </si>
  <si>
    <t>פוקס-ויזל בע"מ</t>
  </si>
  <si>
    <t>אינרום</t>
  </si>
  <si>
    <t>מתכת ומוצרי בניה</t>
  </si>
  <si>
    <t>סה"כ מניות היתר</t>
  </si>
  <si>
    <t>מור השקעות</t>
  </si>
  <si>
    <t>מנועי בית שמש מ"ר 1</t>
  </si>
  <si>
    <t>סה"כ אופציות Call 001</t>
  </si>
  <si>
    <t>LONG</t>
  </si>
  <si>
    <t>SHORT</t>
  </si>
  <si>
    <t>ORMAT TECH(ORA)</t>
  </si>
  <si>
    <t>US6866881021</t>
  </si>
  <si>
    <t>NYSE</t>
  </si>
  <si>
    <t>בלומברג</t>
  </si>
  <si>
    <t>Energy</t>
  </si>
  <si>
    <t>ZIM INTEGRATED SHIPPING SERV</t>
  </si>
  <si>
    <t>IL0065100930</t>
  </si>
  <si>
    <t>Automobiles &amp; Components</t>
  </si>
  <si>
    <t>CAMTEK LTD/ISRAEL</t>
  </si>
  <si>
    <t>IL0010952641</t>
  </si>
  <si>
    <t>Household &amp; Personal Products</t>
  </si>
  <si>
    <t>NOVA MEASURING INSTRUMENT</t>
  </si>
  <si>
    <t>IL0010845571</t>
  </si>
  <si>
    <t>NASDAQ</t>
  </si>
  <si>
    <t>Semiconductors &amp; Semiconductor Equipment</t>
  </si>
  <si>
    <t>FIVERR INTERNATIONAL LTD</t>
  </si>
  <si>
    <t>IL0011582033</t>
  </si>
  <si>
    <t>Telecommunication Services</t>
  </si>
  <si>
    <t>אודיוקודס נסחר בדולר</t>
  </si>
  <si>
    <t>IL0010829658</t>
  </si>
  <si>
    <t>SOLAREDGE TECHNOLOGIES INC</t>
  </si>
  <si>
    <t>US83417M1045</t>
  </si>
  <si>
    <t>ROYAL DUTC(RDSA</t>
  </si>
  <si>
    <t>GB00B03MLX29</t>
  </si>
  <si>
    <t>NUTRIEN LTD</t>
  </si>
  <si>
    <t>CA67077M1086</t>
  </si>
  <si>
    <t>Materials</t>
  </si>
  <si>
    <t>MOSAIC CO(MOS)</t>
  </si>
  <si>
    <t>US61945C1036</t>
  </si>
  <si>
    <t>FEDEX CORP</t>
  </si>
  <si>
    <t>US31428X1063</t>
  </si>
  <si>
    <t>WALT DISNEY(DIS</t>
  </si>
  <si>
    <t>US2546871060</t>
  </si>
  <si>
    <t>Media</t>
  </si>
  <si>
    <t>TARGET CORP</t>
  </si>
  <si>
    <t>US87612E1064</t>
  </si>
  <si>
    <t>Retailing</t>
  </si>
  <si>
    <t>וול מארט נסחר בדולר</t>
  </si>
  <si>
    <t>US9311421039</t>
  </si>
  <si>
    <t>JOHNSON&amp;JO (JNJ)</t>
  </si>
  <si>
    <t>US4781601046</t>
  </si>
  <si>
    <t>Pharmaceuticals &amp; Biotechnology</t>
  </si>
  <si>
    <t>BAC- בנק אמריקה</t>
  </si>
  <si>
    <t>US0605051046</t>
  </si>
  <si>
    <t>Banks</t>
  </si>
  <si>
    <t>MASTERCARD UNC</t>
  </si>
  <si>
    <t>US57636Q1040</t>
  </si>
  <si>
    <t>Diversified Financials</t>
  </si>
  <si>
    <t>VISA INC (V US)</t>
  </si>
  <si>
    <t>US92826C8394</t>
  </si>
  <si>
    <t>DR HORTON INC</t>
  </si>
  <si>
    <t>US23331A1097</t>
  </si>
  <si>
    <t>Real Estate</t>
  </si>
  <si>
    <t>LENNAR CORP</t>
  </si>
  <si>
    <t>US5260571048</t>
  </si>
  <si>
    <t>MICROSOFT (MSFT)</t>
  </si>
  <si>
    <t>US5949181045</t>
  </si>
  <si>
    <t>Software &amp; Services</t>
  </si>
  <si>
    <t>אורקל נסחר בחו"ל</t>
  </si>
  <si>
    <t>US68389X1054</t>
  </si>
  <si>
    <t>PAYPAL HOLDINGS INC</t>
  </si>
  <si>
    <t>US70450Y1038</t>
  </si>
  <si>
    <t>AAPLE COMP(AAPL</t>
  </si>
  <si>
    <t>US0378331005</t>
  </si>
  <si>
    <t>Technology Hardware &amp; Equipment</t>
  </si>
  <si>
    <t>ADVANCED MICRO DEVICES INC</t>
  </si>
  <si>
    <t>US0079031078</t>
  </si>
  <si>
    <t>APPLIED MA(AMAT</t>
  </si>
  <si>
    <t>US0382221051</t>
  </si>
  <si>
    <t>ASML HOLDING NV</t>
  </si>
  <si>
    <t>USN070592100</t>
  </si>
  <si>
    <t>NVIDIA CORP</t>
  </si>
  <si>
    <t>US67066G1040</t>
  </si>
  <si>
    <t>SAMSUNG E(SMSN)</t>
  </si>
  <si>
    <t>US7960508882</t>
  </si>
  <si>
    <t>LSE</t>
  </si>
  <si>
    <t>ALIBABA GROUP HOLDING LTD</t>
  </si>
  <si>
    <t>US01609W1027</t>
  </si>
  <si>
    <t>AMAZON.COM INC</t>
  </si>
  <si>
    <t>US0231351067</t>
  </si>
  <si>
    <t>GOOGLE(GOOG)</t>
  </si>
  <si>
    <t>US02079K3059</t>
  </si>
  <si>
    <t>NOKIA (NOK)</t>
  </si>
  <si>
    <t>US6549022043</t>
  </si>
  <si>
    <t>POWERFLEET INC</t>
  </si>
  <si>
    <t>US73931J1097</t>
  </si>
  <si>
    <t>TENCENT HO(700)</t>
  </si>
  <si>
    <t>KYG875721634</t>
  </si>
  <si>
    <t>5. קרנות סל</t>
  </si>
  <si>
    <t>סה"כ קרנות סל</t>
  </si>
  <si>
    <t>סה"כ שעוקבות אחר מדדי מניות בישראל</t>
  </si>
  <si>
    <t>) ת"א 904Aסל )mtf</t>
  </si>
  <si>
    <t>מניות</t>
  </si>
  <si>
    <t>סה"כ שעוקבות אחר מדדי מניות בחו"ל</t>
  </si>
  <si>
    <t>) מנוטרלת מטחS&amp;P 500(4A מור סל</t>
  </si>
  <si>
    <t>) מנוטרלת מט"חNASDAQ 100 (4A מור סל</t>
  </si>
  <si>
    <t>Indxx US Industrial R )י4D) תכלית סל</t>
  </si>
  <si>
    <t>סה"כ שעוקבות אחר מדדים אחרים בישראל</t>
  </si>
  <si>
    <t>סה"כ שעוקבות אחר מדדים אחרים בחו"ל</t>
  </si>
  <si>
    <t>סה"כ אחר</t>
  </si>
  <si>
    <t>סה"כ Short</t>
  </si>
  <si>
    <t xml:space="preserve">סה"כ שעוקבות אחר מדדי מניות </t>
  </si>
  <si>
    <t>ISHARES CHI(FXI</t>
  </si>
  <si>
    <t>US4642871846</t>
  </si>
  <si>
    <t>ISHARES DJ (ITB</t>
  </si>
  <si>
    <t>US4642887529</t>
  </si>
  <si>
    <t>GUGGENHEIM(RYT)</t>
  </si>
  <si>
    <t>US46137V2824</t>
  </si>
  <si>
    <t>INVESCO KBW BANK</t>
  </si>
  <si>
    <t>us46138e6288</t>
  </si>
  <si>
    <t>INVESCO SOLAR ETF</t>
  </si>
  <si>
    <t>US46138G7060</t>
  </si>
  <si>
    <t>ISHARES SEM(SOXX)</t>
  </si>
  <si>
    <t>US4642875235</t>
  </si>
  <si>
    <t>ISHARES( AAXJ</t>
  </si>
  <si>
    <t>US4642881829</t>
  </si>
  <si>
    <t>VANGUARD S&amp;P 500 ETF</t>
  </si>
  <si>
    <t>US9229083632</t>
  </si>
  <si>
    <t>CONSUMER DI(XLY</t>
  </si>
  <si>
    <t>US81369Y4070</t>
  </si>
  <si>
    <t>STREETTRACK(XHB</t>
  </si>
  <si>
    <t>US78464A8889</t>
  </si>
  <si>
    <t>TECH SPDR(XLK)</t>
  </si>
  <si>
    <t>US81369Y8030</t>
  </si>
  <si>
    <t>ISHARES IND'</t>
  </si>
  <si>
    <t>US81369Y7040</t>
  </si>
  <si>
    <t>מניה בחו"ל NASDAQ100(QQQ)</t>
  </si>
  <si>
    <t>US6311001043</t>
  </si>
  <si>
    <t>CHINAAMC ETF SERIES - CHINAAMC</t>
  </si>
  <si>
    <t>HK0000123577</t>
  </si>
  <si>
    <t>COMMUNICATION SERVICES SELECT</t>
  </si>
  <si>
    <t>US81369Y8527</t>
  </si>
  <si>
    <t>GLOBAL X CYBERSECURITY ETF</t>
  </si>
  <si>
    <t>US37954Y3844</t>
  </si>
  <si>
    <t>DAXEX FUND</t>
  </si>
  <si>
    <t>DE0005933931</t>
  </si>
  <si>
    <t>DAX</t>
  </si>
  <si>
    <t>(SXSEEX) יורו סטוק</t>
  </si>
  <si>
    <t>DE0005933956</t>
  </si>
  <si>
    <t>KRANESHARES BOSERA MSCI CHINA</t>
  </si>
  <si>
    <t>US5007674055</t>
  </si>
  <si>
    <t>FIRST TRUST ISE CLOUD COMPUTIN</t>
  </si>
  <si>
    <t>US33734X1928</t>
  </si>
  <si>
    <t>LYXOR HWABAO WP MSCI CHINA A D</t>
  </si>
  <si>
    <t>FR0011720911</t>
  </si>
  <si>
    <t>LYXOR S&amp;P 500 UCITS ETF - C-EU</t>
  </si>
  <si>
    <t>LU1135865084</t>
  </si>
  <si>
    <t>LYXOR MSCI CHINA UCITS ETF - A</t>
  </si>
  <si>
    <t>LU1841731745</t>
  </si>
  <si>
    <t>LYXOR STOXX EUROPE 600 OIL &amp; G</t>
  </si>
  <si>
    <t>LU1834988278</t>
  </si>
  <si>
    <t>SPDR PORTFOLIO S&amp;P 500 ETF</t>
  </si>
  <si>
    <t>US78464A8541</t>
  </si>
  <si>
    <t>דיימונדס טראסט נסחר בדולר</t>
  </si>
  <si>
    <t>US78467X1090</t>
  </si>
  <si>
    <t>(SPY) אס.פי. די נסחר בדולר</t>
  </si>
  <si>
    <t>US78462F1030</t>
  </si>
  <si>
    <t>סה"כ שעוקבות אחר מדדים אחרים</t>
  </si>
  <si>
    <t xml:space="preserve">סה"כ אחר </t>
  </si>
  <si>
    <t>GLOBAL X LITHIUM &amp; BATTERY TEC</t>
  </si>
  <si>
    <t>US37954Y8553</t>
  </si>
  <si>
    <t>Other</t>
  </si>
  <si>
    <t>6. קרנות נאמנות</t>
  </si>
  <si>
    <t>סה"כ תעודות השתתפות בקרנות נאמנות</t>
  </si>
  <si>
    <t>סה"כ אג"ח קונצרני</t>
  </si>
  <si>
    <t>סה"כ אג"ח ממשלתי</t>
  </si>
  <si>
    <t>7. כתבי אופציה</t>
  </si>
  <si>
    <t>סה"כ כתבי אופציה</t>
  </si>
  <si>
    <t>סה"כ בישראל</t>
  </si>
  <si>
    <t>כתבי אופציה בישראל</t>
  </si>
  <si>
    <t>רותם אנרגיה אפ3</t>
  </si>
  <si>
    <t>חיפושי נפט וגז</t>
  </si>
  <si>
    <t>כתבי אופציה בחו"ל</t>
  </si>
  <si>
    <t>8. אופציות</t>
  </si>
  <si>
    <t>סה"כ אופציות</t>
  </si>
  <si>
    <t>סה"כ מדדים כולל מניות</t>
  </si>
  <si>
    <t>סה"כ מט"ח</t>
  </si>
  <si>
    <t>סה"כ ריבית</t>
  </si>
  <si>
    <t>סה"כ מטבע</t>
  </si>
  <si>
    <t>סה"כ סחורות</t>
  </si>
  <si>
    <t>9. חוזים עתידיים</t>
  </si>
  <si>
    <t>סה"כ חוזים עתידיים</t>
  </si>
  <si>
    <t>MINI S&amp;P 500 FUTURES 03/2022</t>
  </si>
  <si>
    <t>ES1 INDEX</t>
  </si>
  <si>
    <t>RTS</t>
  </si>
  <si>
    <t>ל.ר</t>
  </si>
  <si>
    <t>10. מוצרים מובנים</t>
  </si>
  <si>
    <t>נכס הבסיס</t>
  </si>
  <si>
    <t xml:space="preserve">סה"כ מוצרים מובנים </t>
  </si>
  <si>
    <t>סה"כ קרן מובטחת</t>
  </si>
  <si>
    <t>סה"כ קרן לא מובטחת</t>
  </si>
  <si>
    <t>סה"כ מוצרים מאוגחים</t>
  </si>
  <si>
    <t xml:space="preserve">סה"כ מוצרים מאוגחים </t>
  </si>
  <si>
    <t>1.ג. ניירות ערך לא סחירים</t>
  </si>
  <si>
    <t>סה"כ אג"ח לא סחיר שהנפיקו ממשלות זרות בחו"ל</t>
  </si>
  <si>
    <t>סה"כ צמוד מדד</t>
  </si>
  <si>
    <t>סה"כ לא צמוד</t>
  </si>
  <si>
    <t>סה"כ תעודות חוב מסחריות של חברות ישראליות</t>
  </si>
  <si>
    <t>סה"כ תעודות חוב מסחריות של חברות זרות</t>
  </si>
  <si>
    <t>סה"כ אג"ח קונצרני של חברות ישראליות</t>
  </si>
  <si>
    <t>סה"כ אג"ח קונצרני של חברות זרות</t>
  </si>
  <si>
    <t>ויולה ג'נריישן ניהול בע"מ(אל על)</t>
  </si>
  <si>
    <t>טיימנטו בע"מ מנייה ל"ס</t>
  </si>
  <si>
    <t>מאקסטק רשתות תקשורת בע"מ</t>
  </si>
  <si>
    <t>ציוד תקשורת</t>
  </si>
  <si>
    <t>5. קרנות השקעה</t>
  </si>
  <si>
    <t>סה"כ קרנות השקעה</t>
  </si>
  <si>
    <t>:סה"כ קרנות השקעה בישראל</t>
  </si>
  <si>
    <t>סה"כ קרנות הון סיכון</t>
  </si>
  <si>
    <t>סה"כ קרנות גידור</t>
  </si>
  <si>
    <t>קרן נוקד מניות</t>
  </si>
  <si>
    <t>23/11/2016</t>
  </si>
  <si>
    <t>קרן נוקד לונג</t>
  </si>
  <si>
    <t>27/06/2018</t>
  </si>
  <si>
    <t>סה"כ קרנות נדל"ן</t>
  </si>
  <si>
    <t>סה"כ קרנות השקעה אחרות</t>
  </si>
  <si>
    <t>:סה"כ קרנות השקעה בחו"ל</t>
  </si>
  <si>
    <t>קרן השקעה ORCA</t>
  </si>
  <si>
    <t>30/01/2019</t>
  </si>
  <si>
    <t>6. כתבי אופציה</t>
  </si>
  <si>
    <t>:סה"כ כתבי אופציה בישראל</t>
  </si>
  <si>
    <t>:סה"כ כתבי אופציה בחו"ל</t>
  </si>
  <si>
    <t>7. אופציות</t>
  </si>
  <si>
    <t>:סה"כ אופציות בישראל</t>
  </si>
  <si>
    <t>ש"ח / מט"ח</t>
  </si>
  <si>
    <t>סה"כ מט"ח/ מט"ח</t>
  </si>
  <si>
    <t>:סה"כ אופציות בחו"ל</t>
  </si>
  <si>
    <t>8. חוזים עתידיים</t>
  </si>
  <si>
    <t>:סה"כ חוזים עתידיים בישראל</t>
  </si>
  <si>
    <t>EUR/ILS FW 3.722425 28/01/22</t>
  </si>
  <si>
    <t>26/10/2021</t>
  </si>
  <si>
    <t>USD/ILS FW 3.193000 28/01/22</t>
  </si>
  <si>
    <t>27/10/2021</t>
  </si>
  <si>
    <t>:סה"כ חוזים עתידיים בחו"ל</t>
  </si>
  <si>
    <t>9. מוצרים מובנים</t>
  </si>
  <si>
    <t>סה"כ מוצרים מובנים</t>
  </si>
  <si>
    <t>1.ד. הלוואות</t>
  </si>
  <si>
    <t>קונסורציום כן/לא</t>
  </si>
  <si>
    <t>שיעור ריבית ממוצע</t>
  </si>
  <si>
    <t>סה"כ הלוואות</t>
  </si>
  <si>
    <t>סה"כ הלוואות בישראל</t>
  </si>
  <si>
    <t>סה"כ כנגד חסכון עמיתים/מבוטחים</t>
  </si>
  <si>
    <t>הלוואה לעמיתים1</t>
  </si>
  <si>
    <t>לא</t>
  </si>
  <si>
    <t>AA+</t>
  </si>
  <si>
    <t>27/05/2014</t>
  </si>
  <si>
    <t>פנימי</t>
  </si>
  <si>
    <t>סה"כ מובטחות במשכנתא או תיקי משכנתאות</t>
  </si>
  <si>
    <t>סה"כ מובטחות בערבות בנקאית</t>
  </si>
  <si>
    <t>סה"כ מובטחות בבטחונות אחרים</t>
  </si>
  <si>
    <t>סה"כ מובטחות בשעבוד כלי רכב</t>
  </si>
  <si>
    <t>סה"כ הלוואות לסוכנים</t>
  </si>
  <si>
    <t>מובטחות בתזרים עמלות</t>
  </si>
  <si>
    <t xml:space="preserve">בטחונות אחרים </t>
  </si>
  <si>
    <t>סה"כ הלוואות לעובדים ונושאי משרה</t>
  </si>
  <si>
    <t>סה"כ לא מובטחות</t>
  </si>
  <si>
    <t>סה"כ הלוואות בחו"ל</t>
  </si>
  <si>
    <t>1.ה. פקדונות מעל 3 חודשים:</t>
  </si>
  <si>
    <t>תנאי ושיעור ריבית</t>
  </si>
  <si>
    <t xml:space="preserve">סה"כ פקדונות מעל 3 חודשים </t>
  </si>
  <si>
    <t>סה"כ צמוד למדד</t>
  </si>
  <si>
    <t>סה"כ נקוב במט"ח</t>
  </si>
  <si>
    <t>סה"כ צמוד למט"ח</t>
  </si>
  <si>
    <t>1.ו. זכויות במקרקעין</t>
  </si>
  <si>
    <t>תאריך שערוך אחרון</t>
  </si>
  <si>
    <t>אופי הנכס</t>
  </si>
  <si>
    <t>שעור תשואה במהלך התקופה</t>
  </si>
  <si>
    <t>שווי משוערך</t>
  </si>
  <si>
    <t>כתובת הנכס</t>
  </si>
  <si>
    <t>סה"כ מקרקעין</t>
  </si>
  <si>
    <t>:סה"כ מקרקעין בישראל</t>
  </si>
  <si>
    <t>סה"כ מניב</t>
  </si>
  <si>
    <t>סה"כ לא מניב</t>
  </si>
  <si>
    <t>:סה"כ מקרקעין בחו"ל</t>
  </si>
  <si>
    <t>1.ז. השקעה בחברות מוחזקות</t>
  </si>
  <si>
    <t>שם המדרג</t>
  </si>
  <si>
    <t>שיעור הריבית</t>
  </si>
  <si>
    <t>תשואה לפדיון</t>
  </si>
  <si>
    <t>סה"כ השקעה בחברות מוחזקות</t>
  </si>
  <si>
    <t>1.ח. השקעות אחרות</t>
  </si>
  <si>
    <t>סה"כ השקעות אחרות</t>
  </si>
  <si>
    <t>1.ט. יתרות התחייבות להשקעה</t>
  </si>
  <si>
    <t>סכום ההתחייבות</t>
  </si>
  <si>
    <t>תאריך סיום ההתחייבות</t>
  </si>
  <si>
    <t>סה'כ יתרות התחייבות להשקעה</t>
  </si>
  <si>
    <t xml:space="preserve"> * בעל ענין / צד קשור </t>
  </si>
  <si>
    <t>2.א. אג"ח קונצרי סחיר</t>
  </si>
  <si>
    <t>ריבית אפקטיבית</t>
  </si>
  <si>
    <t>עלות מתואמת</t>
  </si>
  <si>
    <t xml:space="preserve">אחוזים </t>
  </si>
  <si>
    <t>סה"כ אג"ח קונצרני סחיר</t>
  </si>
  <si>
    <t>סה"כ בחו"ל:</t>
  </si>
  <si>
    <t>2.ב. אג"ח קונצרני לא סחיר</t>
  </si>
  <si>
    <t>סה"כ אג"ח קונצרני לא סחיר</t>
  </si>
  <si>
    <t>בישראל</t>
  </si>
  <si>
    <t>2.ג. מסגרות אשראי מנוצלות ללווים</t>
  </si>
  <si>
    <t>סה"כ מסגרת אשראי מנוצלות ללווים</t>
  </si>
  <si>
    <t xml:space="preserve">סה"כ חברות זרות בחו"ל </t>
  </si>
  <si>
    <t xml:space="preserve">מספר מסלול/קרן/קופה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%"/>
  </numFmts>
  <fonts count="75" x14ac:knownFonts="1">
    <font>
      <sz val="11"/>
      <color indexed="8"/>
      <name val="Arial"/>
      <family val="2"/>
      <scheme val="minor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u/>
      <sz val="8"/>
      <color indexed="12"/>
      <name val="Tahoma"/>
      <family val="2"/>
    </font>
    <font>
      <b/>
      <sz val="8"/>
      <name val="Tahoma"/>
      <family val="2"/>
    </font>
    <font>
      <b/>
      <sz val="10"/>
      <name val="Tahoma"/>
      <family val="2"/>
    </font>
    <font>
      <b/>
      <sz val="8"/>
      <color indexed="10"/>
      <name val="Tahoma"/>
      <family val="2"/>
    </font>
    <font>
      <b/>
      <sz val="8"/>
      <name val="Tahoma"/>
      <family val="2"/>
    </font>
    <font>
      <b/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sz val="8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  <font>
      <b/>
      <sz val="8"/>
      <color indexed="10"/>
      <name val="Tahoma"/>
      <family val="2"/>
    </font>
  </fonts>
  <fills count="5">
    <fill>
      <patternFill patternType="none"/>
    </fill>
    <fill>
      <patternFill patternType="gray125"/>
    </fill>
    <fill>
      <patternFill patternType="solid">
        <fgColor indexed="22"/>
      </patternFill>
    </fill>
    <fill>
      <patternFill patternType="none">
        <fgColor indexed="9"/>
      </patternFill>
    </fill>
    <fill>
      <patternFill patternType="solid">
        <fgColor indexed="9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76">
    <xf numFmtId="0" fontId="0" fillId="0" borderId="0" xfId="0"/>
    <xf numFmtId="0" fontId="1" fillId="2" borderId="0" xfId="0" applyFont="1" applyFill="1" applyAlignment="1">
      <alignment horizontal="right" wrapText="1"/>
    </xf>
    <xf numFmtId="0" fontId="2" fillId="2" borderId="0" xfId="0" applyFont="1" applyFill="1" applyAlignment="1">
      <alignment horizontal="center" wrapText="1"/>
    </xf>
    <xf numFmtId="0" fontId="3" fillId="2" borderId="0" xfId="0" applyFont="1" applyFill="1" applyAlignment="1">
      <alignment horizontal="right" wrapText="1" readingOrder="2"/>
    </xf>
    <xf numFmtId="0" fontId="4" fillId="4" borderId="1" xfId="0" applyFont="1" applyFill="1" applyBorder="1" applyAlignment="1">
      <alignment horizontal="right" wrapText="1"/>
    </xf>
    <xf numFmtId="0" fontId="5" fillId="0" borderId="0" xfId="0" applyFont="1" applyAlignment="1">
      <alignment horizontal="center"/>
    </xf>
    <xf numFmtId="4" fontId="6" fillId="4" borderId="1" xfId="0" applyNumberFormat="1" applyFont="1" applyFill="1" applyBorder="1" applyAlignment="1">
      <alignment horizontal="right"/>
    </xf>
    <xf numFmtId="164" fontId="7" fillId="4" borderId="1" xfId="0" applyNumberFormat="1" applyFont="1" applyFill="1" applyBorder="1" applyAlignment="1">
      <alignment horizontal="right"/>
    </xf>
    <xf numFmtId="0" fontId="8" fillId="0" borderId="0" xfId="0" applyFont="1" applyAlignment="1">
      <alignment horizontal="center"/>
    </xf>
    <xf numFmtId="0" fontId="9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13" fillId="0" borderId="0" xfId="0" applyFont="1" applyAlignment="1">
      <alignment horizontal="center"/>
    </xf>
    <xf numFmtId="0" fontId="14" fillId="0" borderId="0" xfId="0" applyFont="1" applyAlignment="1">
      <alignment horizontal="center"/>
    </xf>
    <xf numFmtId="0" fontId="15" fillId="0" borderId="0" xfId="0" applyFont="1" applyAlignment="1">
      <alignment horizontal="center"/>
    </xf>
    <xf numFmtId="0" fontId="16" fillId="0" borderId="0" xfId="0" applyFont="1" applyAlignment="1">
      <alignment horizontal="center"/>
    </xf>
    <xf numFmtId="0" fontId="17" fillId="0" borderId="0" xfId="0" applyFont="1" applyAlignment="1">
      <alignment horizontal="center"/>
    </xf>
    <xf numFmtId="0" fontId="18" fillId="0" borderId="0" xfId="0" applyFont="1" applyAlignment="1">
      <alignment horizontal="center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0" borderId="0" xfId="0" applyFont="1" applyAlignment="1">
      <alignment horizontal="center"/>
    </xf>
    <xf numFmtId="0" fontId="22" fillId="0" borderId="0" xfId="0" applyFont="1" applyAlignment="1">
      <alignment horizontal="center"/>
    </xf>
    <xf numFmtId="0" fontId="23" fillId="0" borderId="0" xfId="0" applyFont="1" applyAlignment="1">
      <alignment horizontal="center"/>
    </xf>
    <xf numFmtId="0" fontId="24" fillId="0" borderId="0" xfId="0" applyFont="1" applyAlignment="1">
      <alignment horizontal="center"/>
    </xf>
    <xf numFmtId="0" fontId="25" fillId="0" borderId="0" xfId="0" applyFont="1" applyAlignment="1">
      <alignment horizontal="center"/>
    </xf>
    <xf numFmtId="0" fontId="26" fillId="0" borderId="0" xfId="0" applyFont="1" applyAlignment="1">
      <alignment horizontal="center"/>
    </xf>
    <xf numFmtId="0" fontId="27" fillId="0" borderId="0" xfId="0" applyFont="1" applyAlignment="1">
      <alignment horizontal="center"/>
    </xf>
    <xf numFmtId="0" fontId="28" fillId="0" borderId="0" xfId="0" applyFont="1" applyAlignment="1">
      <alignment horizontal="center"/>
    </xf>
    <xf numFmtId="0" fontId="29" fillId="0" borderId="0" xfId="0" applyFont="1" applyAlignment="1">
      <alignment horizontal="center"/>
    </xf>
    <xf numFmtId="0" fontId="30" fillId="0" borderId="0" xfId="0" applyFont="1" applyAlignment="1">
      <alignment horizontal="center"/>
    </xf>
    <xf numFmtId="0" fontId="31" fillId="0" borderId="0" xfId="0" applyFont="1" applyAlignment="1">
      <alignment horizontal="center"/>
    </xf>
    <xf numFmtId="0" fontId="32" fillId="0" borderId="0" xfId="0" applyFont="1" applyAlignment="1">
      <alignment horizontal="center"/>
    </xf>
    <xf numFmtId="0" fontId="33" fillId="0" borderId="0" xfId="0" applyFont="1" applyAlignment="1">
      <alignment horizontal="center"/>
    </xf>
    <xf numFmtId="0" fontId="34" fillId="0" borderId="0" xfId="0" applyFont="1" applyAlignment="1">
      <alignment horizontal="center"/>
    </xf>
    <xf numFmtId="0" fontId="35" fillId="0" borderId="0" xfId="0" applyFont="1" applyAlignment="1">
      <alignment horizontal="center"/>
    </xf>
    <xf numFmtId="0" fontId="36" fillId="3" borderId="0" xfId="0" applyFont="1" applyFill="1" applyAlignment="1">
      <alignment horizontal="right" wrapText="1" readingOrder="2"/>
    </xf>
    <xf numFmtId="0" fontId="37" fillId="4" borderId="0" xfId="0" applyFont="1" applyFill="1" applyAlignment="1">
      <alignment horizontal="right"/>
    </xf>
    <xf numFmtId="164" fontId="39" fillId="2" borderId="0" xfId="0" applyNumberFormat="1" applyFont="1" applyFill="1" applyAlignment="1">
      <alignment horizontal="right"/>
    </xf>
    <xf numFmtId="4" fontId="40" fillId="2" borderId="0" xfId="0" applyNumberFormat="1" applyFont="1" applyFill="1" applyAlignment="1">
      <alignment horizontal="right"/>
    </xf>
    <xf numFmtId="0" fontId="41" fillId="4" borderId="1" xfId="0" applyFont="1" applyFill="1" applyBorder="1" applyAlignment="1">
      <alignment horizontal="right" wrapText="1"/>
    </xf>
    <xf numFmtId="1" fontId="42" fillId="4" borderId="1" xfId="0" applyNumberFormat="1" applyFont="1" applyFill="1" applyBorder="1" applyAlignment="1" applyProtection="1">
      <alignment horizontal="right"/>
      <protection locked="0"/>
    </xf>
    <xf numFmtId="164" fontId="43" fillId="4" borderId="1" xfId="0" applyNumberFormat="1" applyFont="1" applyFill="1" applyBorder="1" applyAlignment="1">
      <alignment horizontal="right"/>
    </xf>
    <xf numFmtId="4" fontId="44" fillId="4" borderId="1" xfId="0" applyNumberFormat="1" applyFont="1" applyFill="1" applyBorder="1" applyAlignment="1">
      <alignment horizontal="right"/>
    </xf>
    <xf numFmtId="164" fontId="49" fillId="2" borderId="0" xfId="0" applyNumberFormat="1" applyFont="1" applyFill="1" applyAlignment="1">
      <alignment horizontal="right"/>
    </xf>
    <xf numFmtId="0" fontId="38" fillId="0" borderId="0" xfId="0" applyFont="1" applyAlignment="1">
      <alignment horizontal="center"/>
    </xf>
    <xf numFmtId="0" fontId="0" fillId="0" borderId="0" xfId="0"/>
    <xf numFmtId="0" fontId="45" fillId="0" borderId="0" xfId="0" applyFont="1" applyAlignment="1">
      <alignment horizontal="center"/>
    </xf>
    <xf numFmtId="0" fontId="46" fillId="0" borderId="0" xfId="0" applyFont="1" applyAlignment="1">
      <alignment horizontal="center"/>
    </xf>
    <xf numFmtId="0" fontId="47" fillId="0" borderId="0" xfId="0" applyFont="1" applyAlignment="1">
      <alignment horizontal="center"/>
    </xf>
    <xf numFmtId="0" fontId="48" fillId="0" borderId="0" xfId="0" applyFont="1" applyAlignment="1">
      <alignment horizontal="center"/>
    </xf>
    <xf numFmtId="0" fontId="50" fillId="0" borderId="0" xfId="0" applyFont="1" applyAlignment="1">
      <alignment horizontal="center"/>
    </xf>
    <xf numFmtId="0" fontId="51" fillId="0" borderId="0" xfId="0" applyFont="1" applyAlignment="1">
      <alignment horizontal="center"/>
    </xf>
    <xf numFmtId="0" fontId="52" fillId="0" borderId="0" xfId="0" applyFont="1" applyAlignment="1">
      <alignment horizontal="center"/>
    </xf>
    <xf numFmtId="0" fontId="53" fillId="0" borderId="0" xfId="0" applyFont="1" applyAlignment="1">
      <alignment horizontal="center"/>
    </xf>
    <xf numFmtId="0" fontId="54" fillId="0" borderId="0" xfId="0" applyFont="1" applyAlignment="1">
      <alignment horizontal="center"/>
    </xf>
    <xf numFmtId="0" fontId="55" fillId="0" borderId="0" xfId="0" applyFont="1" applyAlignment="1">
      <alignment horizontal="center"/>
    </xf>
    <xf numFmtId="0" fontId="56" fillId="0" borderId="0" xfId="0" applyFont="1" applyAlignment="1">
      <alignment horizontal="center"/>
    </xf>
    <xf numFmtId="0" fontId="57" fillId="0" borderId="0" xfId="0" applyFont="1" applyAlignment="1">
      <alignment horizontal="center"/>
    </xf>
    <xf numFmtId="0" fontId="58" fillId="0" borderId="0" xfId="0" applyFont="1" applyAlignment="1">
      <alignment horizontal="center"/>
    </xf>
    <xf numFmtId="0" fontId="59" fillId="0" borderId="0" xfId="0" applyFont="1" applyAlignment="1">
      <alignment horizontal="center"/>
    </xf>
    <xf numFmtId="0" fontId="60" fillId="0" borderId="0" xfId="0" applyFont="1" applyAlignment="1">
      <alignment horizontal="center"/>
    </xf>
    <xf numFmtId="0" fontId="61" fillId="0" borderId="0" xfId="0" applyFont="1" applyAlignment="1">
      <alignment horizontal="center"/>
    </xf>
    <xf numFmtId="0" fontId="62" fillId="0" borderId="0" xfId="0" applyFont="1" applyAlignment="1">
      <alignment horizontal="center"/>
    </xf>
    <xf numFmtId="0" fontId="63" fillId="0" borderId="0" xfId="0" applyFont="1" applyAlignment="1">
      <alignment horizontal="center"/>
    </xf>
    <xf numFmtId="0" fontId="64" fillId="0" borderId="0" xfId="0" applyFont="1" applyAlignment="1">
      <alignment horizontal="center"/>
    </xf>
    <xf numFmtId="0" fontId="65" fillId="0" borderId="0" xfId="0" applyFont="1" applyAlignment="1">
      <alignment horizontal="center"/>
    </xf>
    <xf numFmtId="0" fontId="66" fillId="0" borderId="0" xfId="0" applyFont="1" applyAlignment="1">
      <alignment horizontal="center"/>
    </xf>
    <xf numFmtId="0" fontId="67" fillId="0" borderId="0" xfId="0" applyFont="1" applyAlignment="1">
      <alignment horizontal="center"/>
    </xf>
    <xf numFmtId="0" fontId="68" fillId="0" borderId="0" xfId="0" applyFont="1" applyAlignment="1">
      <alignment horizontal="center"/>
    </xf>
    <xf numFmtId="0" fontId="69" fillId="0" borderId="0" xfId="0" applyFont="1" applyAlignment="1">
      <alignment horizontal="center"/>
    </xf>
    <xf numFmtId="0" fontId="70" fillId="0" borderId="0" xfId="0" applyFont="1" applyAlignment="1">
      <alignment horizontal="center"/>
    </xf>
    <xf numFmtId="0" fontId="71" fillId="0" borderId="0" xfId="0" applyFont="1" applyAlignment="1">
      <alignment horizontal="center"/>
    </xf>
    <xf numFmtId="0" fontId="72" fillId="0" borderId="0" xfId="0" applyFont="1" applyAlignment="1">
      <alignment horizontal="center"/>
    </xf>
    <xf numFmtId="0" fontId="73" fillId="0" borderId="0" xfId="0" applyFont="1" applyAlignment="1">
      <alignment horizontal="center"/>
    </xf>
    <xf numFmtId="0" fontId="74" fillId="0" borderId="0" xfId="0" applyFont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/Relationships>
</file>

<file path=xl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2"/>
  <sheetViews>
    <sheetView rightToLeft="1" workbookViewId="0">
      <selection activeCell="D49" sqref="D49"/>
    </sheetView>
  </sheetViews>
  <sheetFormatPr defaultRowHeight="14.25" x14ac:dyDescent="0.2"/>
  <cols>
    <col min="1" max="1" width="5" customWidth="1"/>
    <col min="2" max="2" width="34" customWidth="1"/>
    <col min="3" max="3" width="16" customWidth="1"/>
    <col min="4" max="4" width="19" customWidth="1"/>
  </cols>
  <sheetData>
    <row r="1" spans="1:4" x14ac:dyDescent="0.2">
      <c r="B1" s="37" t="s">
        <v>0</v>
      </c>
      <c r="C1" s="37" t="s">
        <v>1</v>
      </c>
    </row>
    <row r="2" spans="1:4" x14ac:dyDescent="0.2">
      <c r="B2" s="37" t="s">
        <v>2</v>
      </c>
      <c r="C2" s="37" t="s">
        <v>3</v>
      </c>
    </row>
    <row r="3" spans="1:4" x14ac:dyDescent="0.2">
      <c r="B3" s="37" t="s">
        <v>4</v>
      </c>
      <c r="C3" s="37" t="s">
        <v>5</v>
      </c>
    </row>
    <row r="4" spans="1:4" x14ac:dyDescent="0.2">
      <c r="B4" s="37" t="s">
        <v>6</v>
      </c>
      <c r="C4" s="37">
        <v>1526</v>
      </c>
    </row>
    <row r="5" spans="1:4" x14ac:dyDescent="0.2">
      <c r="B5" s="37" t="s">
        <v>7</v>
      </c>
      <c r="C5" s="37" t="s">
        <v>7</v>
      </c>
    </row>
    <row r="6" spans="1:4" x14ac:dyDescent="0.2">
      <c r="B6" s="1" t="s">
        <v>8</v>
      </c>
      <c r="C6" s="1" t="s">
        <v>7</v>
      </c>
      <c r="D6" s="1" t="s">
        <v>7</v>
      </c>
    </row>
    <row r="7" spans="1:4" x14ac:dyDescent="0.2">
      <c r="B7" s="1" t="s">
        <v>7</v>
      </c>
      <c r="C7" s="2" t="s">
        <v>9</v>
      </c>
      <c r="D7" s="2" t="s">
        <v>10</v>
      </c>
    </row>
    <row r="8" spans="1:4" x14ac:dyDescent="0.2">
      <c r="B8" s="1" t="s">
        <v>7</v>
      </c>
      <c r="C8" s="2" t="s">
        <v>11</v>
      </c>
      <c r="D8" s="2" t="s">
        <v>12</v>
      </c>
    </row>
    <row r="9" spans="1:4" x14ac:dyDescent="0.2">
      <c r="B9" s="1" t="s">
        <v>7</v>
      </c>
      <c r="C9" s="2" t="s">
        <v>13</v>
      </c>
      <c r="D9" s="2" t="s">
        <v>14</v>
      </c>
    </row>
    <row r="10" spans="1:4" x14ac:dyDescent="0.2">
      <c r="B10" s="3" t="s">
        <v>15</v>
      </c>
      <c r="C10" s="4" t="s">
        <v>7</v>
      </c>
      <c r="D10" s="4" t="s">
        <v>7</v>
      </c>
    </row>
    <row r="11" spans="1:4" x14ac:dyDescent="0.2">
      <c r="A11" s="5" t="s">
        <v>16</v>
      </c>
      <c r="B11" s="1" t="s">
        <v>17</v>
      </c>
      <c r="C11" s="6">
        <v>1794.05</v>
      </c>
      <c r="D11" s="7">
        <v>6.1400000000000003E-2</v>
      </c>
    </row>
    <row r="12" spans="1:4" x14ac:dyDescent="0.2">
      <c r="B12" s="1" t="s">
        <v>18</v>
      </c>
      <c r="C12" s="4" t="s">
        <v>7</v>
      </c>
      <c r="D12" s="4" t="s">
        <v>7</v>
      </c>
    </row>
    <row r="13" spans="1:4" x14ac:dyDescent="0.2">
      <c r="A13" s="8" t="s">
        <v>16</v>
      </c>
      <c r="B13" s="1" t="s">
        <v>19</v>
      </c>
      <c r="C13" s="6">
        <v>0</v>
      </c>
      <c r="D13" s="7">
        <v>0</v>
      </c>
    </row>
    <row r="14" spans="1:4" x14ac:dyDescent="0.2">
      <c r="A14" s="9" t="s">
        <v>16</v>
      </c>
      <c r="B14" s="1" t="s">
        <v>20</v>
      </c>
      <c r="C14" s="6">
        <v>0</v>
      </c>
      <c r="D14" s="7">
        <v>0</v>
      </c>
    </row>
    <row r="15" spans="1:4" x14ac:dyDescent="0.2">
      <c r="A15" s="10" t="s">
        <v>16</v>
      </c>
      <c r="B15" s="1" t="s">
        <v>21</v>
      </c>
      <c r="C15" s="6">
        <v>0</v>
      </c>
      <c r="D15" s="7">
        <v>0</v>
      </c>
    </row>
    <row r="16" spans="1:4" x14ac:dyDescent="0.2">
      <c r="A16" s="11" t="s">
        <v>16</v>
      </c>
      <c r="B16" s="1" t="s">
        <v>22</v>
      </c>
      <c r="C16" s="6">
        <v>9243.9699999999993</v>
      </c>
      <c r="D16" s="7">
        <v>0.31659999999999999</v>
      </c>
    </row>
    <row r="17" spans="1:4" x14ac:dyDescent="0.2">
      <c r="A17" s="12" t="s">
        <v>16</v>
      </c>
      <c r="B17" s="1" t="s">
        <v>23</v>
      </c>
      <c r="C17" s="6">
        <v>16047.21</v>
      </c>
      <c r="D17" s="7">
        <v>0.54969999999999997</v>
      </c>
    </row>
    <row r="18" spans="1:4" x14ac:dyDescent="0.2">
      <c r="A18" s="13" t="s">
        <v>16</v>
      </c>
      <c r="B18" s="1" t="s">
        <v>24</v>
      </c>
      <c r="C18" s="6">
        <v>0</v>
      </c>
      <c r="D18" s="7">
        <v>0</v>
      </c>
    </row>
    <row r="19" spans="1:4" x14ac:dyDescent="0.2">
      <c r="A19" s="14" t="s">
        <v>16</v>
      </c>
      <c r="B19" s="1" t="s">
        <v>25</v>
      </c>
      <c r="C19" s="6">
        <v>0.11</v>
      </c>
      <c r="D19" s="7">
        <v>0</v>
      </c>
    </row>
    <row r="20" spans="1:4" x14ac:dyDescent="0.2">
      <c r="A20" s="15" t="s">
        <v>16</v>
      </c>
      <c r="B20" s="1" t="s">
        <v>26</v>
      </c>
      <c r="C20" s="6">
        <v>0</v>
      </c>
      <c r="D20" s="7">
        <v>0</v>
      </c>
    </row>
    <row r="21" spans="1:4" x14ac:dyDescent="0.2">
      <c r="A21" s="16" t="s">
        <v>16</v>
      </c>
      <c r="B21" s="1" t="s">
        <v>27</v>
      </c>
      <c r="C21" s="6">
        <v>44.94</v>
      </c>
      <c r="D21" s="7">
        <v>1.5E-3</v>
      </c>
    </row>
    <row r="22" spans="1:4" x14ac:dyDescent="0.2">
      <c r="A22" s="17" t="s">
        <v>16</v>
      </c>
      <c r="B22" s="1" t="s">
        <v>28</v>
      </c>
      <c r="C22" s="6">
        <v>0</v>
      </c>
      <c r="D22" s="7">
        <v>0</v>
      </c>
    </row>
    <row r="23" spans="1:4" x14ac:dyDescent="0.2">
      <c r="B23" s="1" t="s">
        <v>29</v>
      </c>
      <c r="C23" s="4" t="s">
        <v>7</v>
      </c>
      <c r="D23" s="4" t="s">
        <v>7</v>
      </c>
    </row>
    <row r="24" spans="1:4" x14ac:dyDescent="0.2">
      <c r="A24" s="18" t="s">
        <v>16</v>
      </c>
      <c r="B24" s="1" t="s">
        <v>19</v>
      </c>
      <c r="C24" s="6">
        <v>0</v>
      </c>
      <c r="D24" s="7">
        <v>0</v>
      </c>
    </row>
    <row r="25" spans="1:4" x14ac:dyDescent="0.2">
      <c r="A25" s="19" t="s">
        <v>16</v>
      </c>
      <c r="B25" s="1" t="s">
        <v>20</v>
      </c>
      <c r="C25" s="6">
        <v>0</v>
      </c>
      <c r="D25" s="7">
        <v>0</v>
      </c>
    </row>
    <row r="26" spans="1:4" x14ac:dyDescent="0.2">
      <c r="A26" s="20" t="s">
        <v>16</v>
      </c>
      <c r="B26" s="1" t="s">
        <v>21</v>
      </c>
      <c r="C26" s="6">
        <v>0</v>
      </c>
      <c r="D26" s="7">
        <v>0</v>
      </c>
    </row>
    <row r="27" spans="1:4" x14ac:dyDescent="0.2">
      <c r="A27" s="21" t="s">
        <v>16</v>
      </c>
      <c r="B27" s="1" t="s">
        <v>22</v>
      </c>
      <c r="C27" s="6">
        <v>18.5</v>
      </c>
      <c r="D27" s="7">
        <v>5.9999999999999995E-4</v>
      </c>
    </row>
    <row r="28" spans="1:4" x14ac:dyDescent="0.2">
      <c r="A28" s="22" t="s">
        <v>16</v>
      </c>
      <c r="B28" s="1" t="s">
        <v>30</v>
      </c>
      <c r="C28" s="6">
        <v>651.80999999999995</v>
      </c>
      <c r="D28" s="7">
        <v>2.23E-2</v>
      </c>
    </row>
    <row r="29" spans="1:4" x14ac:dyDescent="0.2">
      <c r="A29" s="23" t="s">
        <v>16</v>
      </c>
      <c r="B29" s="1" t="s">
        <v>31</v>
      </c>
      <c r="C29" s="6">
        <v>0</v>
      </c>
      <c r="D29" s="7">
        <v>0</v>
      </c>
    </row>
    <row r="30" spans="1:4" x14ac:dyDescent="0.2">
      <c r="A30" s="24" t="s">
        <v>16</v>
      </c>
      <c r="B30" s="1" t="s">
        <v>32</v>
      </c>
      <c r="C30" s="6">
        <v>0</v>
      </c>
      <c r="D30" s="7">
        <v>0</v>
      </c>
    </row>
    <row r="31" spans="1:4" x14ac:dyDescent="0.2">
      <c r="A31" s="25" t="s">
        <v>16</v>
      </c>
      <c r="B31" s="1" t="s">
        <v>33</v>
      </c>
      <c r="C31" s="6">
        <v>290.35000000000002</v>
      </c>
      <c r="D31" s="7">
        <v>9.9000000000000008E-3</v>
      </c>
    </row>
    <row r="32" spans="1:4" x14ac:dyDescent="0.2">
      <c r="A32" s="26" t="s">
        <v>16</v>
      </c>
      <c r="B32" s="1" t="s">
        <v>34</v>
      </c>
      <c r="C32" s="6">
        <v>0</v>
      </c>
      <c r="D32" s="7">
        <v>0</v>
      </c>
    </row>
    <row r="33" spans="1:4" x14ac:dyDescent="0.2">
      <c r="A33" s="27" t="s">
        <v>16</v>
      </c>
      <c r="B33" s="1" t="s">
        <v>35</v>
      </c>
      <c r="C33" s="6">
        <v>1103.1300000000001</v>
      </c>
      <c r="D33" s="7">
        <v>3.78E-2</v>
      </c>
    </row>
    <row r="34" spans="1:4" x14ac:dyDescent="0.2">
      <c r="A34" s="28" t="s">
        <v>16</v>
      </c>
      <c r="B34" s="1" t="s">
        <v>36</v>
      </c>
      <c r="C34" s="6">
        <v>0</v>
      </c>
      <c r="D34" s="7">
        <v>0</v>
      </c>
    </row>
    <row r="35" spans="1:4" x14ac:dyDescent="0.2">
      <c r="A35" s="29" t="s">
        <v>16</v>
      </c>
      <c r="B35" s="1" t="s">
        <v>37</v>
      </c>
      <c r="C35" s="6">
        <v>0</v>
      </c>
      <c r="D35" s="7">
        <v>0</v>
      </c>
    </row>
    <row r="36" spans="1:4" x14ac:dyDescent="0.2">
      <c r="A36" s="30" t="s">
        <v>16</v>
      </c>
      <c r="B36" s="1" t="s">
        <v>38</v>
      </c>
      <c r="C36" s="6">
        <v>0</v>
      </c>
      <c r="D36" s="7">
        <v>0</v>
      </c>
    </row>
    <row r="37" spans="1:4" x14ac:dyDescent="0.2">
      <c r="A37" s="31" t="s">
        <v>16</v>
      </c>
      <c r="B37" s="1" t="s">
        <v>39</v>
      </c>
      <c r="C37" s="6">
        <v>0</v>
      </c>
      <c r="D37" s="7">
        <v>0</v>
      </c>
    </row>
    <row r="38" spans="1:4" x14ac:dyDescent="0.2">
      <c r="B38" s="3" t="s">
        <v>40</v>
      </c>
      <c r="C38" s="4" t="s">
        <v>7</v>
      </c>
      <c r="D38" s="4" t="s">
        <v>7</v>
      </c>
    </row>
    <row r="39" spans="1:4" x14ac:dyDescent="0.2">
      <c r="A39" s="32" t="s">
        <v>16</v>
      </c>
      <c r="B39" s="1" t="s">
        <v>41</v>
      </c>
      <c r="C39" s="6">
        <v>0</v>
      </c>
      <c r="D39" s="7">
        <v>0</v>
      </c>
    </row>
    <row r="40" spans="1:4" x14ac:dyDescent="0.2">
      <c r="A40" s="33" t="s">
        <v>16</v>
      </c>
      <c r="B40" s="1" t="s">
        <v>42</v>
      </c>
      <c r="C40" s="6">
        <v>0</v>
      </c>
      <c r="D40" s="7">
        <v>0</v>
      </c>
    </row>
    <row r="41" spans="1:4" x14ac:dyDescent="0.2">
      <c r="A41" s="34" t="s">
        <v>16</v>
      </c>
      <c r="B41" s="1" t="s">
        <v>43</v>
      </c>
      <c r="C41" s="6">
        <v>0</v>
      </c>
      <c r="D41" s="7">
        <v>0</v>
      </c>
    </row>
    <row r="42" spans="1:4" x14ac:dyDescent="0.2">
      <c r="B42" s="1" t="s">
        <v>44</v>
      </c>
      <c r="C42" s="6">
        <v>29194.07</v>
      </c>
      <c r="D42" s="7">
        <v>1</v>
      </c>
    </row>
    <row r="43" spans="1:4" x14ac:dyDescent="0.2">
      <c r="A43" s="35" t="s">
        <v>16</v>
      </c>
      <c r="B43" s="1" t="s">
        <v>45</v>
      </c>
      <c r="C43" s="4" t="s">
        <v>7</v>
      </c>
      <c r="D43" s="4" t="s">
        <v>7</v>
      </c>
    </row>
    <row r="44" spans="1:4" x14ac:dyDescent="0.2">
      <c r="B44" s="36" t="s">
        <v>46</v>
      </c>
      <c r="C44" s="4" t="s">
        <v>7</v>
      </c>
      <c r="D44" s="4" t="s">
        <v>7</v>
      </c>
    </row>
    <row r="45" spans="1:4" x14ac:dyDescent="0.2">
      <c r="C45" s="1" t="s">
        <v>47</v>
      </c>
      <c r="D45" s="1" t="s">
        <v>48</v>
      </c>
    </row>
    <row r="46" spans="1:4" x14ac:dyDescent="0.2">
      <c r="C46" s="1" t="s">
        <v>13</v>
      </c>
      <c r="D46" s="1" t="s">
        <v>14</v>
      </c>
    </row>
    <row r="47" spans="1:4" x14ac:dyDescent="0.2">
      <c r="C47" s="4" t="s">
        <v>49</v>
      </c>
      <c r="D47" s="4" t="s">
        <v>50</v>
      </c>
    </row>
    <row r="48" spans="1:4" x14ac:dyDescent="0.2">
      <c r="C48" s="4" t="s">
        <v>51</v>
      </c>
      <c r="D48" s="4" t="s">
        <v>52</v>
      </c>
    </row>
    <row r="49" spans="2:4" x14ac:dyDescent="0.2">
      <c r="C49" s="4" t="s">
        <v>53</v>
      </c>
      <c r="D49" s="4" t="s">
        <v>54</v>
      </c>
    </row>
    <row r="50" spans="2:4" x14ac:dyDescent="0.2">
      <c r="C50" s="4" t="s">
        <v>55</v>
      </c>
      <c r="D50" s="4" t="s">
        <v>56</v>
      </c>
    </row>
    <row r="51" spans="2:4" x14ac:dyDescent="0.2">
      <c r="C51" s="4" t="s">
        <v>57</v>
      </c>
      <c r="D51" s="4" t="s">
        <v>58</v>
      </c>
    </row>
    <row r="52" spans="2:4" x14ac:dyDescent="0.2">
      <c r="B52" s="45" t="s">
        <v>59</v>
      </c>
      <c r="C52" s="46"/>
      <c r="D52" s="46"/>
    </row>
  </sheetData>
  <mergeCells count="1">
    <mergeCell ref="B52:D52"/>
  </mergeCells>
  <hyperlinks>
    <hyperlink ref="A11" location="'מזומנים'!A1" display="&lt;&lt;&lt;"/>
    <hyperlink ref="A13" location="'תעודות התחייבות ממשלתיות'!A1" display="&lt;&lt;&lt;"/>
    <hyperlink ref="A14" location="'תעודות חוב מסחריות'!A1" display="&lt;&lt;&lt;"/>
    <hyperlink ref="A15" location="'אג&quot;ח קונצרני'!A1" display="&lt;&lt;&lt;"/>
    <hyperlink ref="A16" location="'מניות'!A1" display="&lt;&lt;&lt;"/>
    <hyperlink ref="A17" location="'קרנות סל'!A1" display="&lt;&lt;&lt;"/>
    <hyperlink ref="A18" location="'קרנות נאמנות'!A1" display="&lt;&lt;&lt;"/>
    <hyperlink ref="A19" location="'כתבי אופציה'!A1" display="&lt;&lt;&lt;"/>
    <hyperlink ref="A20" location="'אופציות'!A1" display="&lt;&lt;&lt;"/>
    <hyperlink ref="A21" location="'חוזים עתידיים'!A1" display="&lt;&lt;&lt;"/>
    <hyperlink ref="A22" location="'מוצרים מובנים'!A1" display="&lt;&lt;&lt;"/>
    <hyperlink ref="A24" location="'לא סחיר- תעודות התחייבות ממשלתי'!A1" display="&lt;&lt;&lt;"/>
    <hyperlink ref="A25" location="'לא סחיר - תעודות חוב מסחריות'!A1" display="&lt;&lt;&lt;"/>
    <hyperlink ref="A26" location="'לא סחיר - אג&quot;ח קונצרני'!A1" display="&lt;&lt;&lt;"/>
    <hyperlink ref="A27" location="'לא סחיר - מניות'!A1" display="&lt;&lt;&lt;"/>
    <hyperlink ref="A28" location="'לא סחיר - קרנות השקעה'!A1" display="&lt;&lt;&lt;"/>
    <hyperlink ref="A29" location="'לא סחיר - כתבי אופציה'!A1" display="&lt;&lt;&lt;"/>
    <hyperlink ref="A30" location="'לא סחיר - אופציות'!A1" display="&lt;&lt;&lt;"/>
    <hyperlink ref="A31" location="'לא סחיר - חוזים עתידיים'!A1" display="&lt;&lt;&lt;"/>
    <hyperlink ref="A32" location="'לא סחיר - מוצרים מובנים'!A1" display="&lt;&lt;&lt;"/>
    <hyperlink ref="A33" location="'הלוואות'!A1" display="&lt;&lt;&lt;"/>
    <hyperlink ref="A34" location="'פקדונות מעל 3 חודשים'!A1" display="&lt;&lt;&lt;"/>
    <hyperlink ref="A35" location="'זכויות מקרקעין'!A1" display="&lt;&lt;&lt;"/>
    <hyperlink ref="A36" location="'השקעה בחברות מוחזקות'!A1" display="&lt;&lt;&lt;"/>
    <hyperlink ref="A37" location="'השקעות אחרות'!A1" display="&lt;&lt;&lt;"/>
    <hyperlink ref="A39" location="'עלות מתואמת אג&quot;ח קונצרני סחיר'!A1" display="&lt;&lt;&lt;"/>
    <hyperlink ref="A40" location="'עלות מתואמת אג&quot;ח קונצרני ל.סחיר'!A1" display="&lt;&lt;&lt;"/>
    <hyperlink ref="A41" location="'עלות מתואמת מסגרות אשראי ללווים'!A1" display="&lt;&lt;&lt;"/>
    <hyperlink ref="A43" location="'יתרת התחייבות להשקעה'!A1" display="&lt;&lt;&lt;"/>
  </hyperlink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5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7" width="10" customWidth="1"/>
    <col min="8" max="8" width="5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152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37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1</v>
      </c>
      <c r="C8" s="1" t="s">
        <v>62</v>
      </c>
      <c r="D8" s="1" t="s">
        <v>103</v>
      </c>
      <c r="E8" s="1" t="s">
        <v>129</v>
      </c>
      <c r="F8" s="1" t="s">
        <v>66</v>
      </c>
      <c r="G8" s="1" t="s">
        <v>106</v>
      </c>
      <c r="H8" s="1" t="s">
        <v>107</v>
      </c>
      <c r="I8" s="1" t="s">
        <v>69</v>
      </c>
      <c r="J8" s="1" t="s">
        <v>109</v>
      </c>
      <c r="K8" s="1" t="s">
        <v>70</v>
      </c>
      <c r="L8" s="1" t="s">
        <v>110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41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2:13" x14ac:dyDescent="0.2">
      <c r="B11" s="1" t="s">
        <v>376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9">
        <v>0</v>
      </c>
      <c r="J11" s="1" t="s">
        <v>7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1" t="s">
        <v>7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377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9">
        <v>0</v>
      </c>
      <c r="J13" s="1" t="s">
        <v>7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378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9">
        <v>0</v>
      </c>
      <c r="J14" s="1" t="s">
        <v>7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379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9">
        <v>0</v>
      </c>
      <c r="J15" s="1" t="s">
        <v>7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301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9">
        <v>0</v>
      </c>
      <c r="J16" s="1" t="s">
        <v>7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98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0</v>
      </c>
      <c r="H17" s="1" t="s">
        <v>7</v>
      </c>
      <c r="I17" s="39">
        <v>0</v>
      </c>
      <c r="J17" s="1" t="s">
        <v>7</v>
      </c>
      <c r="K17" s="38">
        <v>0</v>
      </c>
      <c r="L17" s="38">
        <v>0</v>
      </c>
      <c r="M17" s="1" t="s">
        <v>7</v>
      </c>
    </row>
    <row r="18" spans="2:13" x14ac:dyDescent="0.2">
      <c r="B18" s="1" t="s">
        <v>377</v>
      </c>
      <c r="C18" s="1" t="s">
        <v>7</v>
      </c>
      <c r="D18" s="1" t="s">
        <v>7</v>
      </c>
      <c r="E18" s="1" t="s">
        <v>7</v>
      </c>
      <c r="F18" s="1" t="s">
        <v>7</v>
      </c>
      <c r="G18" s="39">
        <v>0</v>
      </c>
      <c r="H18" s="1" t="s">
        <v>7</v>
      </c>
      <c r="I18" s="39">
        <v>0</v>
      </c>
      <c r="J18" s="1" t="s">
        <v>7</v>
      </c>
      <c r="K18" s="38">
        <v>0</v>
      </c>
      <c r="L18" s="38">
        <v>0</v>
      </c>
      <c r="M18" s="1" t="s">
        <v>7</v>
      </c>
    </row>
    <row r="19" spans="2:13" x14ac:dyDescent="0.2">
      <c r="B19" s="1" t="s">
        <v>380</v>
      </c>
      <c r="C19" s="1" t="s">
        <v>7</v>
      </c>
      <c r="D19" s="1" t="s">
        <v>7</v>
      </c>
      <c r="E19" s="1" t="s">
        <v>7</v>
      </c>
      <c r="F19" s="1" t="s">
        <v>7</v>
      </c>
      <c r="G19" s="39">
        <v>0</v>
      </c>
      <c r="H19" s="1" t="s">
        <v>7</v>
      </c>
      <c r="I19" s="39">
        <v>0</v>
      </c>
      <c r="J19" s="1" t="s">
        <v>7</v>
      </c>
      <c r="K19" s="38">
        <v>0</v>
      </c>
      <c r="L19" s="38">
        <v>0</v>
      </c>
      <c r="M19" s="1" t="s">
        <v>7</v>
      </c>
    </row>
    <row r="20" spans="2:13" x14ac:dyDescent="0.2">
      <c r="B20" s="1" t="s">
        <v>379</v>
      </c>
      <c r="C20" s="1" t="s">
        <v>7</v>
      </c>
      <c r="D20" s="1" t="s">
        <v>7</v>
      </c>
      <c r="E20" s="1" t="s">
        <v>7</v>
      </c>
      <c r="F20" s="1" t="s">
        <v>7</v>
      </c>
      <c r="G20" s="39">
        <v>0</v>
      </c>
      <c r="H20" s="1" t="s">
        <v>7</v>
      </c>
      <c r="I20" s="39">
        <v>0</v>
      </c>
      <c r="J20" s="1" t="s">
        <v>7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381</v>
      </c>
      <c r="C21" s="1" t="s">
        <v>7</v>
      </c>
      <c r="D21" s="1" t="s">
        <v>7</v>
      </c>
      <c r="E21" s="1" t="s">
        <v>7</v>
      </c>
      <c r="F21" s="1" t="s">
        <v>7</v>
      </c>
      <c r="G21" s="39">
        <v>0</v>
      </c>
      <c r="H21" s="1" t="s">
        <v>7</v>
      </c>
      <c r="I21" s="39">
        <v>0</v>
      </c>
      <c r="J21" s="1" t="s">
        <v>7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301</v>
      </c>
      <c r="C22" s="1" t="s">
        <v>7</v>
      </c>
      <c r="D22" s="1" t="s">
        <v>7</v>
      </c>
      <c r="E22" s="1" t="s">
        <v>7</v>
      </c>
      <c r="F22" s="1" t="s">
        <v>7</v>
      </c>
      <c r="G22" s="39">
        <v>0</v>
      </c>
      <c r="H22" s="1" t="s">
        <v>7</v>
      </c>
      <c r="I22" s="39">
        <v>0</v>
      </c>
      <c r="J22" s="1" t="s">
        <v>7</v>
      </c>
      <c r="K22" s="38">
        <v>0</v>
      </c>
      <c r="L22" s="38">
        <v>0</v>
      </c>
      <c r="M22" s="1" t="s">
        <v>7</v>
      </c>
    </row>
    <row r="23" spans="2:13" x14ac:dyDescent="0.2">
      <c r="B23" s="36" t="s">
        <v>100</v>
      </c>
    </row>
    <row r="24" spans="2:13" x14ac:dyDescent="0.2">
      <c r="B24" s="36" t="s">
        <v>126</v>
      </c>
    </row>
    <row r="25" spans="2:13" x14ac:dyDescent="0.2">
      <c r="B25" s="55" t="s">
        <v>59</v>
      </c>
      <c r="C25" s="46"/>
      <c r="D25" s="46"/>
      <c r="E25" s="46"/>
      <c r="F25" s="46"/>
      <c r="G25" s="46"/>
      <c r="H25" s="46"/>
      <c r="I25" s="46"/>
      <c r="J25" s="46"/>
      <c r="K25" s="46"/>
      <c r="L25" s="46"/>
      <c r="M25" s="46"/>
    </row>
  </sheetData>
  <mergeCells count="1">
    <mergeCell ref="B25:M25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7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10" customWidth="1"/>
    <col min="6" max="6" width="14" customWidth="1"/>
    <col min="7" max="7" width="10" customWidth="1"/>
    <col min="8" max="8" width="12" customWidth="1"/>
    <col min="9" max="9" width="10" customWidth="1"/>
    <col min="10" max="10" width="24" customWidth="1"/>
    <col min="11" max="11" width="21" customWidth="1"/>
    <col min="12" max="12" width="1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52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38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61</v>
      </c>
      <c r="C8" s="1" t="s">
        <v>62</v>
      </c>
      <c r="D8" s="1" t="s">
        <v>103</v>
      </c>
      <c r="E8" s="1" t="s">
        <v>129</v>
      </c>
      <c r="F8" s="1" t="s">
        <v>66</v>
      </c>
      <c r="G8" s="1" t="s">
        <v>106</v>
      </c>
      <c r="H8" s="1" t="s">
        <v>107</v>
      </c>
      <c r="I8" s="1" t="s">
        <v>69</v>
      </c>
      <c r="J8" s="1" t="s">
        <v>70</v>
      </c>
      <c r="K8" s="1" t="s">
        <v>71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12</v>
      </c>
      <c r="H9" s="1" t="s">
        <v>113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</v>
      </c>
    </row>
    <row r="11" spans="2:12" x14ac:dyDescent="0.2">
      <c r="B11" s="1" t="s">
        <v>383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2</v>
      </c>
      <c r="H11" s="1" t="s">
        <v>7</v>
      </c>
      <c r="I11" s="39">
        <v>44.94</v>
      </c>
      <c r="J11" s="38">
        <v>1</v>
      </c>
      <c r="K11" s="38">
        <v>1.5E-3</v>
      </c>
      <c r="L11" s="1" t="s">
        <v>7</v>
      </c>
    </row>
    <row r="12" spans="2:12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9">
        <v>0</v>
      </c>
      <c r="J12" s="38">
        <v>0</v>
      </c>
      <c r="K12" s="38">
        <v>0</v>
      </c>
      <c r="L12" s="1" t="s">
        <v>7</v>
      </c>
    </row>
    <row r="13" spans="2:12" x14ac:dyDescent="0.2">
      <c r="B13" s="1" t="s">
        <v>98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2</v>
      </c>
      <c r="H13" s="1" t="s">
        <v>7</v>
      </c>
      <c r="I13" s="39">
        <v>44.94</v>
      </c>
      <c r="J13" s="38">
        <v>1</v>
      </c>
      <c r="K13" s="38">
        <v>1.5E-3</v>
      </c>
      <c r="L13" s="1" t="s">
        <v>7</v>
      </c>
    </row>
    <row r="14" spans="2:12" x14ac:dyDescent="0.2">
      <c r="B14" s="40" t="s">
        <v>384</v>
      </c>
      <c r="C14" s="40" t="s">
        <v>385</v>
      </c>
      <c r="D14" s="40" t="s">
        <v>386</v>
      </c>
      <c r="E14" s="40" t="s">
        <v>387</v>
      </c>
      <c r="F14" s="40" t="s">
        <v>49</v>
      </c>
      <c r="G14" s="43">
        <v>2</v>
      </c>
      <c r="H14" s="43">
        <v>722500</v>
      </c>
      <c r="I14" s="43">
        <v>44.94</v>
      </c>
      <c r="J14" s="42">
        <v>1</v>
      </c>
      <c r="K14" s="42">
        <v>1.5E-3</v>
      </c>
      <c r="L14" s="41">
        <v>78031861</v>
      </c>
    </row>
    <row r="15" spans="2:12" x14ac:dyDescent="0.2">
      <c r="B15" s="36" t="s">
        <v>100</v>
      </c>
    </row>
    <row r="16" spans="2:12" x14ac:dyDescent="0.2">
      <c r="B16" s="36" t="s">
        <v>126</v>
      </c>
    </row>
    <row r="17" spans="2:12" x14ac:dyDescent="0.2">
      <c r="B17" s="56" t="s">
        <v>59</v>
      </c>
      <c r="C17" s="46"/>
      <c r="D17" s="46"/>
      <c r="E17" s="46"/>
      <c r="F17" s="46"/>
      <c r="G17" s="46"/>
      <c r="H17" s="46"/>
      <c r="I17" s="46"/>
      <c r="J17" s="46"/>
      <c r="K17" s="46"/>
      <c r="L17" s="46"/>
    </row>
  </sheetData>
  <mergeCells count="1">
    <mergeCell ref="B17:L17"/>
  </mergeCells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2"/>
  <sheetViews>
    <sheetView rightToLeft="1" topLeftCell="A4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0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1526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38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61</v>
      </c>
      <c r="C8" s="1" t="s">
        <v>62</v>
      </c>
      <c r="D8" s="1" t="s">
        <v>389</v>
      </c>
      <c r="E8" s="1" t="s">
        <v>64</v>
      </c>
      <c r="F8" s="1" t="s">
        <v>65</v>
      </c>
      <c r="G8" s="1" t="s">
        <v>104</v>
      </c>
      <c r="H8" s="1" t="s">
        <v>105</v>
      </c>
      <c r="I8" s="1" t="s">
        <v>66</v>
      </c>
      <c r="J8" s="1" t="s">
        <v>67</v>
      </c>
      <c r="K8" s="1" t="s">
        <v>68</v>
      </c>
      <c r="L8" s="1" t="s">
        <v>106</v>
      </c>
      <c r="M8" s="1" t="s">
        <v>107</v>
      </c>
      <c r="N8" s="1" t="s">
        <v>69</v>
      </c>
      <c r="O8" s="1" t="s">
        <v>109</v>
      </c>
      <c r="P8" s="1" t="s">
        <v>70</v>
      </c>
      <c r="Q8" s="1" t="s">
        <v>110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11</v>
      </c>
      <c r="I9" s="1" t="s">
        <v>7</v>
      </c>
      <c r="J9" s="1" t="s">
        <v>12</v>
      </c>
      <c r="K9" s="1" t="s">
        <v>12</v>
      </c>
      <c r="L9" s="1" t="s">
        <v>112</v>
      </c>
      <c r="M9" s="1" t="s">
        <v>113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117</v>
      </c>
      <c r="Q10" s="1" t="s">
        <v>118</v>
      </c>
      <c r="R10" s="1" t="s">
        <v>7</v>
      </c>
    </row>
    <row r="11" spans="2:18" x14ac:dyDescent="0.2">
      <c r="B11" s="1" t="s">
        <v>39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39">
        <v>0</v>
      </c>
      <c r="M11" s="1" t="s">
        <v>7</v>
      </c>
      <c r="N11" s="39">
        <v>0</v>
      </c>
      <c r="O11" s="1" t="s">
        <v>7</v>
      </c>
      <c r="P11" s="38">
        <v>0</v>
      </c>
      <c r="Q11" s="38">
        <v>0</v>
      </c>
      <c r="R11" s="1" t="s">
        <v>7</v>
      </c>
    </row>
    <row r="12" spans="2:18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39">
        <v>0</v>
      </c>
      <c r="M12" s="1" t="s">
        <v>7</v>
      </c>
      <c r="N12" s="39">
        <v>0</v>
      </c>
      <c r="O12" s="1" t="s">
        <v>7</v>
      </c>
      <c r="P12" s="38">
        <v>0</v>
      </c>
      <c r="Q12" s="38">
        <v>0</v>
      </c>
      <c r="R12" s="1" t="s">
        <v>7</v>
      </c>
    </row>
    <row r="13" spans="2:18" x14ac:dyDescent="0.2">
      <c r="B13" s="1" t="s">
        <v>39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39">
        <v>0</v>
      </c>
      <c r="M13" s="1" t="s">
        <v>7</v>
      </c>
      <c r="N13" s="39">
        <v>0</v>
      </c>
      <c r="O13" s="1" t="s">
        <v>7</v>
      </c>
      <c r="P13" s="38">
        <v>0</v>
      </c>
      <c r="Q13" s="38">
        <v>0</v>
      </c>
      <c r="R13" s="1" t="s">
        <v>7</v>
      </c>
    </row>
    <row r="14" spans="2:18" x14ac:dyDescent="0.2">
      <c r="B14" s="1" t="s">
        <v>392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39">
        <v>0</v>
      </c>
      <c r="M14" s="1" t="s">
        <v>7</v>
      </c>
      <c r="N14" s="39">
        <v>0</v>
      </c>
      <c r="O14" s="1" t="s">
        <v>7</v>
      </c>
      <c r="P14" s="38">
        <v>0</v>
      </c>
      <c r="Q14" s="38">
        <v>0</v>
      </c>
      <c r="R14" s="1" t="s">
        <v>7</v>
      </c>
    </row>
    <row r="15" spans="2:18" x14ac:dyDescent="0.2">
      <c r="B15" s="1" t="s">
        <v>393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39">
        <v>0</v>
      </c>
      <c r="M15" s="1" t="s">
        <v>7</v>
      </c>
      <c r="N15" s="39">
        <v>0</v>
      </c>
      <c r="O15" s="1" t="s">
        <v>7</v>
      </c>
      <c r="P15" s="38">
        <v>0</v>
      </c>
      <c r="Q15" s="38">
        <v>0</v>
      </c>
      <c r="R15" s="1" t="s">
        <v>7</v>
      </c>
    </row>
    <row r="16" spans="2:18" x14ac:dyDescent="0.2">
      <c r="B16" s="1" t="s">
        <v>98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8">
        <v>0</v>
      </c>
      <c r="K16" s="38">
        <v>0</v>
      </c>
      <c r="L16" s="39">
        <v>0</v>
      </c>
      <c r="M16" s="1" t="s">
        <v>7</v>
      </c>
      <c r="N16" s="39">
        <v>0</v>
      </c>
      <c r="O16" s="1" t="s">
        <v>7</v>
      </c>
      <c r="P16" s="38">
        <v>0</v>
      </c>
      <c r="Q16" s="38">
        <v>0</v>
      </c>
      <c r="R16" s="1" t="s">
        <v>7</v>
      </c>
    </row>
    <row r="17" spans="2:18" x14ac:dyDescent="0.2">
      <c r="B17" s="1" t="s">
        <v>391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39">
        <v>0</v>
      </c>
      <c r="M17" s="1" t="s">
        <v>7</v>
      </c>
      <c r="N17" s="39">
        <v>0</v>
      </c>
      <c r="O17" s="1" t="s">
        <v>7</v>
      </c>
      <c r="P17" s="38">
        <v>0</v>
      </c>
      <c r="Q17" s="38">
        <v>0</v>
      </c>
      <c r="R17" s="1" t="s">
        <v>7</v>
      </c>
    </row>
    <row r="18" spans="2:18" x14ac:dyDescent="0.2">
      <c r="B18" s="1" t="s">
        <v>392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39">
        <v>0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394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39">
        <v>0</v>
      </c>
      <c r="M19" s="1" t="s">
        <v>7</v>
      </c>
      <c r="N19" s="39">
        <v>0</v>
      </c>
      <c r="O19" s="1" t="s">
        <v>7</v>
      </c>
      <c r="P19" s="38">
        <v>0</v>
      </c>
      <c r="Q19" s="38">
        <v>0</v>
      </c>
      <c r="R19" s="1" t="s">
        <v>7</v>
      </c>
    </row>
    <row r="20" spans="2:18" x14ac:dyDescent="0.2">
      <c r="B20" s="36" t="s">
        <v>100</v>
      </c>
    </row>
    <row r="21" spans="2:18" x14ac:dyDescent="0.2">
      <c r="B21" s="36" t="s">
        <v>126</v>
      </c>
    </row>
    <row r="22" spans="2:18" x14ac:dyDescent="0.2">
      <c r="B22" s="57" t="s">
        <v>59</v>
      </c>
      <c r="C22" s="46"/>
      <c r="D22" s="46"/>
      <c r="E22" s="46"/>
      <c r="F22" s="46"/>
      <c r="G22" s="46"/>
      <c r="H22" s="46"/>
      <c r="I22" s="46"/>
      <c r="J22" s="46"/>
      <c r="K22" s="46"/>
      <c r="L22" s="46"/>
      <c r="M22" s="46"/>
      <c r="N22" s="46"/>
      <c r="O22" s="46"/>
      <c r="P22" s="46"/>
      <c r="Q22" s="46"/>
      <c r="R22" s="46"/>
    </row>
  </sheetData>
  <mergeCells count="1">
    <mergeCell ref="B22:R22"/>
  </mergeCells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8"/>
  <sheetViews>
    <sheetView rightToLeft="1" workbookViewId="0"/>
  </sheetViews>
  <sheetFormatPr defaultRowHeight="14.25" x14ac:dyDescent="0.2"/>
  <cols>
    <col min="1" max="1" width="3" customWidth="1"/>
    <col min="2" max="2" width="45" customWidth="1"/>
    <col min="3" max="3" width="11" customWidth="1"/>
    <col min="4" max="4" width="7" customWidth="1"/>
    <col min="5" max="5" width="9" customWidth="1"/>
    <col min="6" max="6" width="13" customWidth="1"/>
    <col min="7" max="7" width="6" customWidth="1"/>
    <col min="8" max="8" width="10" customWidth="1"/>
    <col min="9" max="9" width="13" customWidth="1"/>
    <col min="10" max="10" width="15" customWidth="1"/>
    <col min="11" max="11" width="10" customWidth="1"/>
    <col min="12" max="12" width="8" customWidth="1"/>
    <col min="13" max="13" width="11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1526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3" t="s">
        <v>10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</row>
    <row r="8" spans="2:17" x14ac:dyDescent="0.2">
      <c r="B8" s="1" t="s">
        <v>61</v>
      </c>
      <c r="C8" s="1" t="s">
        <v>62</v>
      </c>
      <c r="D8" s="1" t="s">
        <v>64</v>
      </c>
      <c r="E8" s="1" t="s">
        <v>65</v>
      </c>
      <c r="F8" s="1" t="s">
        <v>104</v>
      </c>
      <c r="G8" s="1" t="s">
        <v>105</v>
      </c>
      <c r="H8" s="1" t="s">
        <v>66</v>
      </c>
      <c r="I8" s="1" t="s">
        <v>67</v>
      </c>
      <c r="J8" s="1" t="s">
        <v>68</v>
      </c>
      <c r="K8" s="1" t="s">
        <v>106</v>
      </c>
      <c r="L8" s="1" t="s">
        <v>107</v>
      </c>
      <c r="M8" s="1" t="s">
        <v>9</v>
      </c>
      <c r="N8" s="1" t="s">
        <v>109</v>
      </c>
      <c r="O8" s="1" t="s">
        <v>70</v>
      </c>
      <c r="P8" s="1" t="s">
        <v>110</v>
      </c>
      <c r="Q8" s="1" t="s">
        <v>7</v>
      </c>
    </row>
    <row r="9" spans="2:17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40</v>
      </c>
      <c r="G9" s="1" t="s">
        <v>111</v>
      </c>
      <c r="H9" s="1" t="s">
        <v>7</v>
      </c>
      <c r="I9" s="1" t="s">
        <v>12</v>
      </c>
      <c r="J9" s="1" t="s">
        <v>12</v>
      </c>
      <c r="K9" s="1" t="s">
        <v>112</v>
      </c>
      <c r="L9" s="1" t="s">
        <v>113</v>
      </c>
      <c r="M9" s="1" t="s">
        <v>11</v>
      </c>
      <c r="N9" s="1" t="s">
        <v>12</v>
      </c>
      <c r="O9" s="1" t="s">
        <v>12</v>
      </c>
      <c r="P9" s="1" t="s">
        <v>12</v>
      </c>
      <c r="Q9" s="1" t="s">
        <v>7</v>
      </c>
    </row>
    <row r="10" spans="2:17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117</v>
      </c>
      <c r="Q10" s="1" t="s">
        <v>7</v>
      </c>
    </row>
    <row r="11" spans="2:17" x14ac:dyDescent="0.2">
      <c r="B11" s="1" t="s">
        <v>120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39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39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98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39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24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39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396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39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36" t="s">
        <v>100</v>
      </c>
    </row>
    <row r="17" spans="2:17" x14ac:dyDescent="0.2">
      <c r="B17" s="36" t="s">
        <v>126</v>
      </c>
    </row>
    <row r="18" spans="2:17" x14ac:dyDescent="0.2">
      <c r="B18" s="58" t="s">
        <v>59</v>
      </c>
      <c r="C18" s="46"/>
      <c r="D18" s="46"/>
      <c r="E18" s="46"/>
      <c r="F18" s="46"/>
      <c r="G18" s="46"/>
      <c r="H18" s="46"/>
      <c r="I18" s="46"/>
      <c r="J18" s="46"/>
      <c r="K18" s="46"/>
      <c r="L18" s="46"/>
      <c r="M18" s="46"/>
      <c r="N18" s="46"/>
      <c r="O18" s="46"/>
      <c r="P18" s="46"/>
      <c r="Q18" s="46"/>
    </row>
  </sheetData>
  <mergeCells count="1">
    <mergeCell ref="B18:Q18"/>
  </mergeCells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2"/>
  <sheetViews>
    <sheetView rightToLeft="1" topLeftCell="A4" workbookViewId="0"/>
  </sheetViews>
  <sheetFormatPr defaultRowHeight="14.25" x14ac:dyDescent="0.2"/>
  <cols>
    <col min="1" max="1" width="3" customWidth="1"/>
    <col min="2" max="2" width="43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1526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27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61</v>
      </c>
      <c r="C8" s="1" t="s">
        <v>62</v>
      </c>
      <c r="D8" s="1" t="s">
        <v>128</v>
      </c>
      <c r="E8" s="1" t="s">
        <v>63</v>
      </c>
      <c r="F8" s="1" t="s">
        <v>129</v>
      </c>
      <c r="G8" s="1" t="s">
        <v>64</v>
      </c>
      <c r="H8" s="1" t="s">
        <v>65</v>
      </c>
      <c r="I8" s="1" t="s">
        <v>104</v>
      </c>
      <c r="J8" s="1" t="s">
        <v>105</v>
      </c>
      <c r="K8" s="1" t="s">
        <v>66</v>
      </c>
      <c r="L8" s="1" t="s">
        <v>67</v>
      </c>
      <c r="M8" s="1" t="s">
        <v>68</v>
      </c>
      <c r="N8" s="1" t="s">
        <v>106</v>
      </c>
      <c r="O8" s="1" t="s">
        <v>107</v>
      </c>
      <c r="P8" s="1" t="s">
        <v>9</v>
      </c>
      <c r="Q8" s="1" t="s">
        <v>109</v>
      </c>
      <c r="R8" s="1" t="s">
        <v>70</v>
      </c>
      <c r="S8" s="1" t="s">
        <v>110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40</v>
      </c>
      <c r="J9" s="1" t="s">
        <v>111</v>
      </c>
      <c r="K9" s="1" t="s">
        <v>7</v>
      </c>
      <c r="L9" s="1" t="s">
        <v>12</v>
      </c>
      <c r="M9" s="1" t="s">
        <v>12</v>
      </c>
      <c r="N9" s="1" t="s">
        <v>112</v>
      </c>
      <c r="O9" s="1" t="s">
        <v>113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117</v>
      </c>
      <c r="Q10" s="1" t="s">
        <v>118</v>
      </c>
      <c r="R10" s="1" t="s">
        <v>119</v>
      </c>
      <c r="S10" s="1" t="s">
        <v>130</v>
      </c>
      <c r="T10" s="1" t="s">
        <v>7</v>
      </c>
    </row>
    <row r="11" spans="2:20" x14ac:dyDescent="0.2">
      <c r="B11" s="1" t="s">
        <v>13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8">
        <v>0</v>
      </c>
      <c r="M11" s="38">
        <v>0</v>
      </c>
      <c r="N11" s="39">
        <v>0</v>
      </c>
      <c r="O11" s="1" t="s">
        <v>7</v>
      </c>
      <c r="P11" s="39">
        <v>0</v>
      </c>
      <c r="Q11" s="1" t="s">
        <v>7</v>
      </c>
      <c r="R11" s="38">
        <v>0</v>
      </c>
      <c r="S11" s="38">
        <v>0</v>
      </c>
      <c r="T11" s="1" t="s">
        <v>7</v>
      </c>
    </row>
    <row r="12" spans="2:20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8">
        <v>0</v>
      </c>
      <c r="M12" s="38">
        <v>0</v>
      </c>
      <c r="N12" s="39">
        <v>0</v>
      </c>
      <c r="O12" s="1" t="s">
        <v>7</v>
      </c>
      <c r="P12" s="39">
        <v>0</v>
      </c>
      <c r="Q12" s="1" t="s">
        <v>7</v>
      </c>
      <c r="R12" s="38">
        <v>0</v>
      </c>
      <c r="S12" s="38">
        <v>0</v>
      </c>
      <c r="T12" s="1" t="s">
        <v>7</v>
      </c>
    </row>
    <row r="13" spans="2:20" x14ac:dyDescent="0.2">
      <c r="B13" s="1" t="s">
        <v>39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39">
        <v>0</v>
      </c>
      <c r="O13" s="1" t="s">
        <v>7</v>
      </c>
      <c r="P13" s="39">
        <v>0</v>
      </c>
      <c r="Q13" s="1" t="s">
        <v>7</v>
      </c>
      <c r="R13" s="38">
        <v>0</v>
      </c>
      <c r="S13" s="38">
        <v>0</v>
      </c>
      <c r="T13" s="1" t="s">
        <v>7</v>
      </c>
    </row>
    <row r="14" spans="2:20" x14ac:dyDescent="0.2">
      <c r="B14" s="1" t="s">
        <v>398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39">
        <v>0</v>
      </c>
      <c r="O14" s="1" t="s">
        <v>7</v>
      </c>
      <c r="P14" s="39">
        <v>0</v>
      </c>
      <c r="Q14" s="1" t="s">
        <v>7</v>
      </c>
      <c r="R14" s="38">
        <v>0</v>
      </c>
      <c r="S14" s="38">
        <v>0</v>
      </c>
      <c r="T14" s="1" t="s">
        <v>7</v>
      </c>
    </row>
    <row r="15" spans="2:20" x14ac:dyDescent="0.2">
      <c r="B15" s="1" t="s">
        <v>13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39">
        <v>0</v>
      </c>
      <c r="O15" s="1" t="s">
        <v>7</v>
      </c>
      <c r="P15" s="39">
        <v>0</v>
      </c>
      <c r="Q15" s="1" t="s">
        <v>7</v>
      </c>
      <c r="R15" s="38">
        <v>0</v>
      </c>
      <c r="S15" s="38">
        <v>0</v>
      </c>
      <c r="T15" s="1" t="s">
        <v>7</v>
      </c>
    </row>
    <row r="16" spans="2:20" x14ac:dyDescent="0.2">
      <c r="B16" s="1" t="s">
        <v>301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  <c r="R16" s="1" t="s">
        <v>7</v>
      </c>
      <c r="S16" s="1" t="s">
        <v>7</v>
      </c>
      <c r="T16" s="1" t="s">
        <v>7</v>
      </c>
    </row>
    <row r="17" spans="2:20" x14ac:dyDescent="0.2">
      <c r="B17" s="1" t="s">
        <v>98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39">
        <v>0</v>
      </c>
      <c r="O17" s="1" t="s">
        <v>7</v>
      </c>
      <c r="P17" s="39">
        <v>0</v>
      </c>
      <c r="Q17" s="1" t="s">
        <v>7</v>
      </c>
      <c r="R17" s="38">
        <v>0</v>
      </c>
      <c r="S17" s="38">
        <v>0</v>
      </c>
      <c r="T17" s="1" t="s">
        <v>7</v>
      </c>
    </row>
    <row r="18" spans="2:20" x14ac:dyDescent="0.2">
      <c r="B18" s="1" t="s">
        <v>399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39">
        <v>0</v>
      </c>
      <c r="O18" s="1" t="s">
        <v>7</v>
      </c>
      <c r="P18" s="39">
        <v>0</v>
      </c>
      <c r="Q18" s="1" t="s">
        <v>7</v>
      </c>
      <c r="R18" s="38">
        <v>0</v>
      </c>
      <c r="S18" s="38">
        <v>0</v>
      </c>
      <c r="T18" s="1" t="s">
        <v>7</v>
      </c>
    </row>
    <row r="19" spans="2:20" x14ac:dyDescent="0.2">
      <c r="B19" s="1" t="s">
        <v>400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8">
        <v>0</v>
      </c>
      <c r="M19" s="38">
        <v>0</v>
      </c>
      <c r="N19" s="39">
        <v>0</v>
      </c>
      <c r="O19" s="1" t="s">
        <v>7</v>
      </c>
      <c r="P19" s="39">
        <v>0</v>
      </c>
      <c r="Q19" s="1" t="s">
        <v>7</v>
      </c>
      <c r="R19" s="38">
        <v>0</v>
      </c>
      <c r="S19" s="38">
        <v>0</v>
      </c>
      <c r="T19" s="1" t="s">
        <v>7</v>
      </c>
    </row>
    <row r="20" spans="2:20" x14ac:dyDescent="0.2">
      <c r="B20" s="36" t="s">
        <v>100</v>
      </c>
    </row>
    <row r="21" spans="2:20" x14ac:dyDescent="0.2">
      <c r="B21" s="36" t="s">
        <v>126</v>
      </c>
    </row>
    <row r="22" spans="2:20" x14ac:dyDescent="0.2">
      <c r="B22" s="59" t="s">
        <v>59</v>
      </c>
      <c r="C22" s="46"/>
      <c r="D22" s="46"/>
      <c r="E22" s="46"/>
      <c r="F22" s="46"/>
      <c r="G22" s="46"/>
      <c r="H22" s="46"/>
      <c r="I22" s="46"/>
      <c r="J22" s="46"/>
      <c r="K22" s="46"/>
      <c r="L22" s="46"/>
      <c r="M22" s="46"/>
      <c r="N22" s="46"/>
      <c r="O22" s="46"/>
      <c r="P22" s="46"/>
      <c r="Q22" s="46"/>
      <c r="R22" s="46"/>
      <c r="S22" s="46"/>
      <c r="T22" s="46"/>
    </row>
  </sheetData>
  <mergeCells count="1">
    <mergeCell ref="B22:T22"/>
  </mergeCells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T22"/>
  <sheetViews>
    <sheetView rightToLeft="1" topLeftCell="A4" workbookViewId="0"/>
  </sheetViews>
  <sheetFormatPr defaultRowHeight="14.25" x14ac:dyDescent="0.2"/>
  <cols>
    <col min="1" max="1" width="3" customWidth="1"/>
    <col min="2" max="2" width="37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2:20" x14ac:dyDescent="0.2">
      <c r="B1" s="37" t="s">
        <v>0</v>
      </c>
      <c r="C1" s="37" t="s">
        <v>1</v>
      </c>
    </row>
    <row r="2" spans="2:20" x14ac:dyDescent="0.2">
      <c r="B2" s="37" t="s">
        <v>2</v>
      </c>
      <c r="C2" s="37" t="s">
        <v>3</v>
      </c>
    </row>
    <row r="3" spans="2:20" x14ac:dyDescent="0.2">
      <c r="B3" s="37" t="s">
        <v>4</v>
      </c>
      <c r="C3" s="37" t="s">
        <v>5</v>
      </c>
    </row>
    <row r="4" spans="2:20" x14ac:dyDescent="0.2">
      <c r="B4" s="37" t="s">
        <v>6</v>
      </c>
      <c r="C4" s="37">
        <v>1526</v>
      </c>
    </row>
    <row r="5" spans="2:20" x14ac:dyDescent="0.2">
      <c r="B5" s="37" t="s">
        <v>7</v>
      </c>
      <c r="C5" s="37" t="s">
        <v>7</v>
      </c>
    </row>
    <row r="6" spans="2:20" x14ac:dyDescent="0.2">
      <c r="B6" s="3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2:20" x14ac:dyDescent="0.2">
      <c r="B7" s="3" t="s">
        <v>13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2:20" x14ac:dyDescent="0.2">
      <c r="B8" s="1" t="s">
        <v>61</v>
      </c>
      <c r="C8" s="1" t="s">
        <v>62</v>
      </c>
      <c r="D8" s="1" t="s">
        <v>128</v>
      </c>
      <c r="E8" s="1" t="s">
        <v>63</v>
      </c>
      <c r="F8" s="1" t="s">
        <v>129</v>
      </c>
      <c r="G8" s="1" t="s">
        <v>64</v>
      </c>
      <c r="H8" s="1" t="s">
        <v>65</v>
      </c>
      <c r="I8" s="1" t="s">
        <v>104</v>
      </c>
      <c r="J8" s="1" t="s">
        <v>105</v>
      </c>
      <c r="K8" s="1" t="s">
        <v>66</v>
      </c>
      <c r="L8" s="1" t="s">
        <v>67</v>
      </c>
      <c r="M8" s="1" t="s">
        <v>68</v>
      </c>
      <c r="N8" s="1" t="s">
        <v>106</v>
      </c>
      <c r="O8" s="1" t="s">
        <v>107</v>
      </c>
      <c r="P8" s="1" t="s">
        <v>9</v>
      </c>
      <c r="Q8" s="1" t="s">
        <v>109</v>
      </c>
      <c r="R8" s="1" t="s">
        <v>70</v>
      </c>
      <c r="S8" s="1" t="s">
        <v>110</v>
      </c>
      <c r="T8" s="1" t="s">
        <v>7</v>
      </c>
    </row>
    <row r="9" spans="2:20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11</v>
      </c>
      <c r="K9" s="1" t="s">
        <v>7</v>
      </c>
      <c r="L9" s="1" t="s">
        <v>12</v>
      </c>
      <c r="M9" s="1" t="s">
        <v>12</v>
      </c>
      <c r="N9" s="1" t="s">
        <v>112</v>
      </c>
      <c r="O9" s="1" t="s">
        <v>113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2:20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117</v>
      </c>
      <c r="Q10" s="1" t="s">
        <v>118</v>
      </c>
      <c r="R10" s="1" t="s">
        <v>119</v>
      </c>
      <c r="S10" s="1" t="s">
        <v>130</v>
      </c>
      <c r="T10" s="1" t="s">
        <v>7</v>
      </c>
    </row>
    <row r="11" spans="2:20" x14ac:dyDescent="0.2">
      <c r="B11" s="1" t="s">
        <v>36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8">
        <v>0</v>
      </c>
      <c r="M11" s="38">
        <v>0</v>
      </c>
      <c r="N11" s="39">
        <v>0</v>
      </c>
      <c r="O11" s="1" t="s">
        <v>7</v>
      </c>
      <c r="P11" s="39">
        <v>0</v>
      </c>
      <c r="Q11" s="1" t="s">
        <v>7</v>
      </c>
      <c r="R11" s="38">
        <v>0</v>
      </c>
      <c r="S11" s="38">
        <v>0</v>
      </c>
      <c r="T11" s="1" t="s">
        <v>7</v>
      </c>
    </row>
    <row r="12" spans="2:20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8">
        <v>0</v>
      </c>
      <c r="M12" s="38">
        <v>0</v>
      </c>
      <c r="N12" s="39">
        <v>0</v>
      </c>
      <c r="O12" s="1" t="s">
        <v>7</v>
      </c>
      <c r="P12" s="39">
        <v>0</v>
      </c>
      <c r="Q12" s="1" t="s">
        <v>7</v>
      </c>
      <c r="R12" s="38">
        <v>0</v>
      </c>
      <c r="S12" s="38">
        <v>0</v>
      </c>
      <c r="T12" s="1" t="s">
        <v>7</v>
      </c>
    </row>
    <row r="13" spans="2:20" x14ac:dyDescent="0.2">
      <c r="B13" s="1" t="s">
        <v>39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8">
        <v>0</v>
      </c>
      <c r="M13" s="38">
        <v>0</v>
      </c>
      <c r="N13" s="39">
        <v>0</v>
      </c>
      <c r="O13" s="1" t="s">
        <v>7</v>
      </c>
      <c r="P13" s="39">
        <v>0</v>
      </c>
      <c r="Q13" s="1" t="s">
        <v>7</v>
      </c>
      <c r="R13" s="38">
        <v>0</v>
      </c>
      <c r="S13" s="38">
        <v>0</v>
      </c>
      <c r="T13" s="1" t="s">
        <v>7</v>
      </c>
    </row>
    <row r="14" spans="2:20" x14ac:dyDescent="0.2">
      <c r="B14" s="1" t="s">
        <v>398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8">
        <v>0</v>
      </c>
      <c r="M14" s="38">
        <v>0</v>
      </c>
      <c r="N14" s="39">
        <v>0</v>
      </c>
      <c r="O14" s="1" t="s">
        <v>7</v>
      </c>
      <c r="P14" s="39">
        <v>0</v>
      </c>
      <c r="Q14" s="1" t="s">
        <v>7</v>
      </c>
      <c r="R14" s="38">
        <v>0</v>
      </c>
      <c r="S14" s="38">
        <v>0</v>
      </c>
      <c r="T14" s="1" t="s">
        <v>7</v>
      </c>
    </row>
    <row r="15" spans="2:20" x14ac:dyDescent="0.2">
      <c r="B15" s="1" t="s">
        <v>13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8">
        <v>0</v>
      </c>
      <c r="M15" s="38">
        <v>0</v>
      </c>
      <c r="N15" s="39">
        <v>0</v>
      </c>
      <c r="O15" s="1" t="s">
        <v>7</v>
      </c>
      <c r="P15" s="39">
        <v>0</v>
      </c>
      <c r="Q15" s="1" t="s">
        <v>7</v>
      </c>
      <c r="R15" s="38">
        <v>0</v>
      </c>
      <c r="S15" s="38">
        <v>0</v>
      </c>
      <c r="T15" s="1" t="s">
        <v>7</v>
      </c>
    </row>
    <row r="16" spans="2:20" x14ac:dyDescent="0.2">
      <c r="B16" s="1" t="s">
        <v>301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39">
        <v>0</v>
      </c>
      <c r="K16" s="1" t="s">
        <v>7</v>
      </c>
      <c r="L16" s="38">
        <v>0</v>
      </c>
      <c r="M16" s="38">
        <v>0</v>
      </c>
      <c r="N16" s="39">
        <v>0</v>
      </c>
      <c r="O16" s="1" t="s">
        <v>7</v>
      </c>
      <c r="P16" s="39">
        <v>0</v>
      </c>
      <c r="Q16" s="1" t="s">
        <v>7</v>
      </c>
      <c r="R16" s="38">
        <v>0</v>
      </c>
      <c r="S16" s="38">
        <v>0</v>
      </c>
      <c r="T16" s="1" t="s">
        <v>7</v>
      </c>
    </row>
    <row r="17" spans="2:20" x14ac:dyDescent="0.2">
      <c r="B17" s="1" t="s">
        <v>98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39">
        <v>0</v>
      </c>
      <c r="O17" s="1" t="s">
        <v>7</v>
      </c>
      <c r="P17" s="39">
        <v>0</v>
      </c>
      <c r="Q17" s="1" t="s">
        <v>7</v>
      </c>
      <c r="R17" s="38">
        <v>0</v>
      </c>
      <c r="S17" s="38">
        <v>0</v>
      </c>
      <c r="T17" s="1" t="s">
        <v>7</v>
      </c>
    </row>
    <row r="18" spans="2:20" x14ac:dyDescent="0.2">
      <c r="B18" s="1" t="s">
        <v>401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39">
        <v>0</v>
      </c>
      <c r="O18" s="1" t="s">
        <v>7</v>
      </c>
      <c r="P18" s="39">
        <v>0</v>
      </c>
      <c r="Q18" s="1" t="s">
        <v>7</v>
      </c>
      <c r="R18" s="38">
        <v>0</v>
      </c>
      <c r="S18" s="38">
        <v>0</v>
      </c>
      <c r="T18" s="1" t="s">
        <v>7</v>
      </c>
    </row>
    <row r="19" spans="2:20" x14ac:dyDescent="0.2">
      <c r="B19" s="1" t="s">
        <v>402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8">
        <v>0</v>
      </c>
      <c r="M19" s="38">
        <v>0</v>
      </c>
      <c r="N19" s="39">
        <v>0</v>
      </c>
      <c r="O19" s="1" t="s">
        <v>7</v>
      </c>
      <c r="P19" s="39">
        <v>0</v>
      </c>
      <c r="Q19" s="1" t="s">
        <v>7</v>
      </c>
      <c r="R19" s="38">
        <v>0</v>
      </c>
      <c r="S19" s="38">
        <v>0</v>
      </c>
      <c r="T19" s="1" t="s">
        <v>7</v>
      </c>
    </row>
    <row r="20" spans="2:20" x14ac:dyDescent="0.2">
      <c r="B20" s="36" t="s">
        <v>100</v>
      </c>
    </row>
    <row r="21" spans="2:20" x14ac:dyDescent="0.2">
      <c r="B21" s="36" t="s">
        <v>126</v>
      </c>
    </row>
    <row r="22" spans="2:20" x14ac:dyDescent="0.2">
      <c r="B22" s="60" t="s">
        <v>59</v>
      </c>
      <c r="C22" s="46"/>
      <c r="D22" s="46"/>
      <c r="E22" s="46"/>
      <c r="F22" s="46"/>
      <c r="G22" s="46"/>
      <c r="H22" s="46"/>
      <c r="I22" s="46"/>
      <c r="J22" s="46"/>
      <c r="K22" s="46"/>
      <c r="L22" s="46"/>
      <c r="M22" s="46"/>
      <c r="N22" s="46"/>
      <c r="O22" s="46"/>
      <c r="P22" s="46"/>
      <c r="Q22" s="46"/>
      <c r="R22" s="46"/>
      <c r="S22" s="46"/>
      <c r="T22" s="46"/>
    </row>
  </sheetData>
  <mergeCells count="1">
    <mergeCell ref="B22:T22"/>
  </mergeCells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21"/>
  <sheetViews>
    <sheetView rightToLeft="1" topLeftCell="A4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11" customWidth="1"/>
    <col min="5" max="5" width="12" customWidth="1"/>
    <col min="6" max="6" width="16" customWidth="1"/>
    <col min="7" max="7" width="14" customWidth="1"/>
    <col min="8" max="8" width="10" customWidth="1"/>
    <col min="9" max="9" width="12" customWidth="1"/>
    <col min="10" max="10" width="11" customWidth="1"/>
    <col min="11" max="11" width="22" customWidth="1"/>
    <col min="12" max="12" width="24" customWidth="1"/>
    <col min="13" max="13" width="23" customWidth="1"/>
    <col min="14" max="14" width="2" customWidth="1"/>
  </cols>
  <sheetData>
    <row r="1" spans="2:14" x14ac:dyDescent="0.2">
      <c r="B1" s="37" t="s">
        <v>0</v>
      </c>
      <c r="C1" s="37" t="s">
        <v>1</v>
      </c>
    </row>
    <row r="2" spans="2:14" x14ac:dyDescent="0.2">
      <c r="B2" s="37" t="s">
        <v>2</v>
      </c>
      <c r="C2" s="37" t="s">
        <v>3</v>
      </c>
    </row>
    <row r="3" spans="2:14" x14ac:dyDescent="0.2">
      <c r="B3" s="37" t="s">
        <v>4</v>
      </c>
      <c r="C3" s="37" t="s">
        <v>5</v>
      </c>
    </row>
    <row r="4" spans="2:14" x14ac:dyDescent="0.2">
      <c r="B4" s="37" t="s">
        <v>6</v>
      </c>
      <c r="C4" s="37">
        <v>1526</v>
      </c>
    </row>
    <row r="5" spans="2:14" x14ac:dyDescent="0.2">
      <c r="B5" s="37" t="s">
        <v>7</v>
      </c>
      <c r="C5" s="37" t="s">
        <v>7</v>
      </c>
    </row>
    <row r="6" spans="2:14" x14ac:dyDescent="0.2">
      <c r="B6" s="3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</row>
    <row r="7" spans="2:14" x14ac:dyDescent="0.2">
      <c r="B7" s="3" t="s">
        <v>144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</row>
    <row r="8" spans="2:14" x14ac:dyDescent="0.2">
      <c r="B8" s="1" t="s">
        <v>61</v>
      </c>
      <c r="C8" s="1" t="s">
        <v>62</v>
      </c>
      <c r="D8" s="1" t="s">
        <v>128</v>
      </c>
      <c r="E8" s="1" t="s">
        <v>63</v>
      </c>
      <c r="F8" s="1" t="s">
        <v>129</v>
      </c>
      <c r="G8" s="1" t="s">
        <v>66</v>
      </c>
      <c r="H8" s="1" t="s">
        <v>106</v>
      </c>
      <c r="I8" s="1" t="s">
        <v>107</v>
      </c>
      <c r="J8" s="1" t="s">
        <v>9</v>
      </c>
      <c r="K8" s="1" t="s">
        <v>109</v>
      </c>
      <c r="L8" s="1" t="s">
        <v>70</v>
      </c>
      <c r="M8" s="1" t="s">
        <v>110</v>
      </c>
      <c r="N8" s="1" t="s">
        <v>7</v>
      </c>
    </row>
    <row r="9" spans="2:14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12</v>
      </c>
      <c r="I9" s="1" t="s">
        <v>113</v>
      </c>
      <c r="J9" s="1" t="s">
        <v>11</v>
      </c>
      <c r="K9" s="1" t="s">
        <v>12</v>
      </c>
      <c r="L9" s="1" t="s">
        <v>12</v>
      </c>
      <c r="M9" s="1" t="s">
        <v>12</v>
      </c>
      <c r="N9" s="1" t="s">
        <v>7</v>
      </c>
    </row>
    <row r="10" spans="2:14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7</v>
      </c>
    </row>
    <row r="11" spans="2:14" x14ac:dyDescent="0.2">
      <c r="B11" s="1" t="s">
        <v>14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314.2</v>
      </c>
      <c r="I11" s="1" t="s">
        <v>7</v>
      </c>
      <c r="J11" s="39">
        <v>18.5</v>
      </c>
      <c r="K11" s="1" t="s">
        <v>7</v>
      </c>
      <c r="L11" s="38">
        <v>1</v>
      </c>
      <c r="M11" s="38">
        <v>5.9999999999999995E-4</v>
      </c>
      <c r="N11" s="1" t="s">
        <v>7</v>
      </c>
    </row>
    <row r="12" spans="2:14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314.2</v>
      </c>
      <c r="I12" s="1" t="s">
        <v>7</v>
      </c>
      <c r="J12" s="39">
        <v>18.5</v>
      </c>
      <c r="K12" s="1" t="s">
        <v>7</v>
      </c>
      <c r="L12" s="38">
        <v>1</v>
      </c>
      <c r="M12" s="38">
        <v>5.9999999999999995E-4</v>
      </c>
      <c r="N12" s="1" t="s">
        <v>7</v>
      </c>
    </row>
    <row r="13" spans="2:14" x14ac:dyDescent="0.2">
      <c r="B13" s="40" t="s">
        <v>403</v>
      </c>
      <c r="C13" s="41">
        <v>100560853</v>
      </c>
      <c r="D13" s="40" t="s">
        <v>150</v>
      </c>
      <c r="E13" s="41">
        <v>96120</v>
      </c>
      <c r="F13" s="40" t="s">
        <v>150</v>
      </c>
      <c r="G13" s="40" t="s">
        <v>86</v>
      </c>
      <c r="H13" s="43">
        <v>13.7</v>
      </c>
      <c r="I13" s="43">
        <v>126253.21</v>
      </c>
      <c r="J13" s="43">
        <v>17.3</v>
      </c>
      <c r="K13" s="42">
        <v>0</v>
      </c>
      <c r="L13" s="42">
        <v>0.93489999999999995</v>
      </c>
      <c r="M13" s="42">
        <v>5.9999999999999995E-4</v>
      </c>
      <c r="N13" s="40" t="s">
        <v>7</v>
      </c>
    </row>
    <row r="14" spans="2:14" x14ac:dyDescent="0.2">
      <c r="B14" s="40" t="s">
        <v>404</v>
      </c>
      <c r="C14" s="41">
        <v>100356260</v>
      </c>
      <c r="D14" s="40" t="s">
        <v>150</v>
      </c>
      <c r="E14" s="41">
        <v>97448</v>
      </c>
      <c r="F14" s="40" t="s">
        <v>153</v>
      </c>
      <c r="G14" s="40" t="s">
        <v>49</v>
      </c>
      <c r="H14" s="43">
        <v>0.5</v>
      </c>
      <c r="I14" s="43">
        <v>0</v>
      </c>
      <c r="J14" s="43">
        <v>0</v>
      </c>
      <c r="K14" s="42">
        <v>2.0000000000000001E-4</v>
      </c>
      <c r="L14" s="42">
        <v>0</v>
      </c>
      <c r="M14" s="42">
        <v>0</v>
      </c>
      <c r="N14" s="40" t="s">
        <v>7</v>
      </c>
    </row>
    <row r="15" spans="2:14" x14ac:dyDescent="0.2">
      <c r="B15" s="40" t="s">
        <v>405</v>
      </c>
      <c r="C15" s="41">
        <v>100356187</v>
      </c>
      <c r="D15" s="40" t="s">
        <v>150</v>
      </c>
      <c r="E15" s="41">
        <v>97222</v>
      </c>
      <c r="F15" s="40" t="s">
        <v>406</v>
      </c>
      <c r="G15" s="40" t="s">
        <v>49</v>
      </c>
      <c r="H15" s="43">
        <v>300</v>
      </c>
      <c r="I15" s="43">
        <v>129</v>
      </c>
      <c r="J15" s="43">
        <v>1.2</v>
      </c>
      <c r="K15" s="42">
        <v>1E-4</v>
      </c>
      <c r="L15" s="42">
        <v>6.5100000000000005E-2</v>
      </c>
      <c r="M15" s="42">
        <v>0</v>
      </c>
      <c r="N15" s="40" t="s">
        <v>7</v>
      </c>
    </row>
    <row r="16" spans="2:14" x14ac:dyDescent="0.2">
      <c r="B16" s="1" t="s">
        <v>98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9">
        <v>0</v>
      </c>
      <c r="K16" s="1" t="s">
        <v>7</v>
      </c>
      <c r="L16" s="38">
        <v>0</v>
      </c>
      <c r="M16" s="38">
        <v>0</v>
      </c>
      <c r="N16" s="1" t="s">
        <v>7</v>
      </c>
    </row>
    <row r="17" spans="2:14" x14ac:dyDescent="0.2">
      <c r="B17" s="1" t="s">
        <v>13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9">
        <v>0</v>
      </c>
      <c r="K17" s="1" t="s">
        <v>7</v>
      </c>
      <c r="L17" s="38">
        <v>0</v>
      </c>
      <c r="M17" s="38">
        <v>0</v>
      </c>
      <c r="N17" s="1" t="s">
        <v>7</v>
      </c>
    </row>
    <row r="18" spans="2:14" x14ac:dyDescent="0.2">
      <c r="B18" s="1" t="s">
        <v>136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9">
        <v>0</v>
      </c>
      <c r="K18" s="1" t="s">
        <v>7</v>
      </c>
      <c r="L18" s="38">
        <v>0</v>
      </c>
      <c r="M18" s="38">
        <v>0</v>
      </c>
      <c r="N18" s="1" t="s">
        <v>7</v>
      </c>
    </row>
    <row r="19" spans="2:14" x14ac:dyDescent="0.2">
      <c r="B19" s="36" t="s">
        <v>100</v>
      </c>
    </row>
    <row r="20" spans="2:14" x14ac:dyDescent="0.2">
      <c r="B20" s="36" t="s">
        <v>126</v>
      </c>
    </row>
    <row r="21" spans="2:14" x14ac:dyDescent="0.2">
      <c r="B21" s="61" t="s">
        <v>59</v>
      </c>
      <c r="C21" s="46"/>
      <c r="D21" s="46"/>
      <c r="E21" s="46"/>
      <c r="F21" s="46"/>
      <c r="G21" s="46"/>
      <c r="H21" s="46"/>
      <c r="I21" s="46"/>
      <c r="J21" s="46"/>
      <c r="K21" s="46"/>
      <c r="L21" s="46"/>
      <c r="M21" s="46"/>
      <c r="N21" s="46"/>
    </row>
  </sheetData>
  <mergeCells count="1">
    <mergeCell ref="B21:N21"/>
  </mergeCells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7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14" customWidth="1"/>
    <col min="5" max="5" width="13" customWidth="1"/>
    <col min="6" max="6" width="10" customWidth="1"/>
    <col min="7" max="7" width="12" customWidth="1"/>
    <col min="8" max="8" width="11" customWidth="1"/>
    <col min="9" max="9" width="22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52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407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61</v>
      </c>
      <c r="C8" s="1" t="s">
        <v>62</v>
      </c>
      <c r="D8" s="1" t="s">
        <v>66</v>
      </c>
      <c r="E8" s="1" t="s">
        <v>104</v>
      </c>
      <c r="F8" s="1" t="s">
        <v>106</v>
      </c>
      <c r="G8" s="1" t="s">
        <v>107</v>
      </c>
      <c r="H8" s="1" t="s">
        <v>9</v>
      </c>
      <c r="I8" s="1" t="s">
        <v>109</v>
      </c>
      <c r="J8" s="1" t="s">
        <v>70</v>
      </c>
      <c r="K8" s="1" t="s">
        <v>110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140</v>
      </c>
      <c r="F9" s="1" t="s">
        <v>141</v>
      </c>
      <c r="G9" s="1" t="s">
        <v>7</v>
      </c>
      <c r="H9" s="1" t="s">
        <v>11</v>
      </c>
      <c r="I9" s="1" t="s">
        <v>12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</v>
      </c>
    </row>
    <row r="11" spans="2:12" x14ac:dyDescent="0.2">
      <c r="B11" s="1" t="s">
        <v>408</v>
      </c>
      <c r="C11" s="1" t="s">
        <v>7</v>
      </c>
      <c r="D11" s="1" t="s">
        <v>7</v>
      </c>
      <c r="E11" s="1" t="s">
        <v>7</v>
      </c>
      <c r="F11" s="39">
        <v>277.3</v>
      </c>
      <c r="G11" s="1" t="s">
        <v>7</v>
      </c>
      <c r="H11" s="39">
        <v>651.80999999999995</v>
      </c>
      <c r="I11" s="1" t="s">
        <v>7</v>
      </c>
      <c r="J11" s="38">
        <v>1</v>
      </c>
      <c r="K11" s="38">
        <v>2.23E-2</v>
      </c>
      <c r="L11" s="1" t="s">
        <v>7</v>
      </c>
    </row>
    <row r="12" spans="2:12" x14ac:dyDescent="0.2">
      <c r="B12" s="1" t="s">
        <v>409</v>
      </c>
      <c r="C12" s="1" t="s">
        <v>7</v>
      </c>
      <c r="D12" s="1" t="s">
        <v>7</v>
      </c>
      <c r="E12" s="1" t="s">
        <v>7</v>
      </c>
      <c r="F12" s="39">
        <v>254.3</v>
      </c>
      <c r="G12" s="1" t="s">
        <v>7</v>
      </c>
      <c r="H12" s="39">
        <v>542.15</v>
      </c>
      <c r="I12" s="1" t="s">
        <v>7</v>
      </c>
      <c r="J12" s="38">
        <v>0.83179999999999998</v>
      </c>
      <c r="K12" s="38">
        <v>1.8599999999999998E-2</v>
      </c>
      <c r="L12" s="1" t="s">
        <v>7</v>
      </c>
    </row>
    <row r="13" spans="2:12" x14ac:dyDescent="0.2">
      <c r="B13" s="1" t="s">
        <v>410</v>
      </c>
      <c r="C13" s="1" t="s">
        <v>7</v>
      </c>
      <c r="D13" s="1" t="s">
        <v>7</v>
      </c>
      <c r="E13" s="1" t="s">
        <v>7</v>
      </c>
      <c r="F13" s="39">
        <v>0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</row>
    <row r="14" spans="2:12" x14ac:dyDescent="0.2">
      <c r="B14" s="1" t="s">
        <v>411</v>
      </c>
      <c r="C14" s="1" t="s">
        <v>7</v>
      </c>
      <c r="D14" s="1" t="s">
        <v>7</v>
      </c>
      <c r="E14" s="1" t="s">
        <v>7</v>
      </c>
      <c r="F14" s="39">
        <v>254.3</v>
      </c>
      <c r="G14" s="1" t="s">
        <v>7</v>
      </c>
      <c r="H14" s="39">
        <v>542.15</v>
      </c>
      <c r="I14" s="1" t="s">
        <v>7</v>
      </c>
      <c r="J14" s="38">
        <v>0.83179999999999998</v>
      </c>
      <c r="K14" s="38">
        <v>1.8599999999999998E-2</v>
      </c>
      <c r="L14" s="1" t="s">
        <v>7</v>
      </c>
    </row>
    <row r="15" spans="2:12" x14ac:dyDescent="0.2">
      <c r="B15" s="40" t="s">
        <v>412</v>
      </c>
      <c r="C15" s="41">
        <v>100987569</v>
      </c>
      <c r="D15" s="40" t="s">
        <v>86</v>
      </c>
      <c r="E15" s="40" t="s">
        <v>413</v>
      </c>
      <c r="F15" s="43">
        <v>191.57</v>
      </c>
      <c r="G15" s="43">
        <v>219120.55</v>
      </c>
      <c r="H15" s="43">
        <v>419.77</v>
      </c>
      <c r="I15" s="42">
        <v>0</v>
      </c>
      <c r="J15" s="42">
        <v>0.64400000000000002</v>
      </c>
      <c r="K15" s="42">
        <v>1.44E-2</v>
      </c>
      <c r="L15" s="40" t="s">
        <v>7</v>
      </c>
    </row>
    <row r="16" spans="2:12" x14ac:dyDescent="0.2">
      <c r="B16" s="40" t="s">
        <v>414</v>
      </c>
      <c r="C16" s="41">
        <v>100383074</v>
      </c>
      <c r="D16" s="40" t="s">
        <v>86</v>
      </c>
      <c r="E16" s="40" t="s">
        <v>415</v>
      </c>
      <c r="F16" s="43">
        <v>62.73</v>
      </c>
      <c r="G16" s="43">
        <v>195090.11</v>
      </c>
      <c r="H16" s="43">
        <v>122.38</v>
      </c>
      <c r="I16" s="42">
        <v>0</v>
      </c>
      <c r="J16" s="42">
        <v>0.18779999999999999</v>
      </c>
      <c r="K16" s="42">
        <v>4.1999999999999997E-3</v>
      </c>
      <c r="L16" s="40" t="s">
        <v>7</v>
      </c>
    </row>
    <row r="17" spans="2:12" x14ac:dyDescent="0.2">
      <c r="B17" s="1" t="s">
        <v>416</v>
      </c>
      <c r="C17" s="1" t="s">
        <v>7</v>
      </c>
      <c r="D17" s="1" t="s">
        <v>7</v>
      </c>
      <c r="E17" s="1" t="s">
        <v>7</v>
      </c>
      <c r="F17" s="39">
        <v>0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1" t="s">
        <v>7</v>
      </c>
    </row>
    <row r="18" spans="2:12" x14ac:dyDescent="0.2">
      <c r="B18" s="1" t="s">
        <v>417</v>
      </c>
      <c r="C18" s="1" t="s">
        <v>7</v>
      </c>
      <c r="D18" s="1" t="s">
        <v>7</v>
      </c>
      <c r="E18" s="1" t="s">
        <v>7</v>
      </c>
      <c r="F18" s="39">
        <v>0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1" t="s">
        <v>7</v>
      </c>
    </row>
    <row r="19" spans="2:12" x14ac:dyDescent="0.2">
      <c r="B19" s="1" t="s">
        <v>418</v>
      </c>
      <c r="C19" s="1" t="s">
        <v>7</v>
      </c>
      <c r="D19" s="1" t="s">
        <v>7</v>
      </c>
      <c r="E19" s="1" t="s">
        <v>7</v>
      </c>
      <c r="F19" s="39">
        <v>23</v>
      </c>
      <c r="G19" s="1" t="s">
        <v>7</v>
      </c>
      <c r="H19" s="39">
        <v>109.66</v>
      </c>
      <c r="I19" s="1" t="s">
        <v>7</v>
      </c>
      <c r="J19" s="38">
        <v>0.16819999999999999</v>
      </c>
      <c r="K19" s="38">
        <v>3.8E-3</v>
      </c>
      <c r="L19" s="1" t="s">
        <v>7</v>
      </c>
    </row>
    <row r="20" spans="2:12" x14ac:dyDescent="0.2">
      <c r="B20" s="1" t="s">
        <v>410</v>
      </c>
      <c r="C20" s="1" t="s">
        <v>7</v>
      </c>
      <c r="D20" s="1" t="s">
        <v>7</v>
      </c>
      <c r="E20" s="1" t="s">
        <v>7</v>
      </c>
      <c r="F20" s="39">
        <v>0</v>
      </c>
      <c r="G20" s="1" t="s">
        <v>7</v>
      </c>
      <c r="H20" s="39">
        <v>0</v>
      </c>
      <c r="I20" s="1" t="s">
        <v>7</v>
      </c>
      <c r="J20" s="38">
        <v>0</v>
      </c>
      <c r="K20" s="38">
        <v>0</v>
      </c>
      <c r="L20" s="1" t="s">
        <v>7</v>
      </c>
    </row>
    <row r="21" spans="2:12" x14ac:dyDescent="0.2">
      <c r="B21" s="1" t="s">
        <v>411</v>
      </c>
      <c r="C21" s="1" t="s">
        <v>7</v>
      </c>
      <c r="D21" s="1" t="s">
        <v>7</v>
      </c>
      <c r="E21" s="1" t="s">
        <v>7</v>
      </c>
      <c r="F21" s="39">
        <v>23</v>
      </c>
      <c r="G21" s="1" t="s">
        <v>7</v>
      </c>
      <c r="H21" s="39">
        <v>109.66</v>
      </c>
      <c r="I21" s="1" t="s">
        <v>7</v>
      </c>
      <c r="J21" s="38">
        <v>0.16819999999999999</v>
      </c>
      <c r="K21" s="38">
        <v>3.8E-3</v>
      </c>
      <c r="L21" s="1" t="s">
        <v>7</v>
      </c>
    </row>
    <row r="22" spans="2:12" x14ac:dyDescent="0.2">
      <c r="B22" s="40" t="s">
        <v>419</v>
      </c>
      <c r="C22" s="41">
        <v>62010913</v>
      </c>
      <c r="D22" s="40" t="s">
        <v>49</v>
      </c>
      <c r="E22" s="40" t="s">
        <v>420</v>
      </c>
      <c r="F22" s="43">
        <v>23</v>
      </c>
      <c r="G22" s="43">
        <v>153301.37</v>
      </c>
      <c r="H22" s="43">
        <v>109.66</v>
      </c>
      <c r="I22" s="42">
        <v>0</v>
      </c>
      <c r="J22" s="42">
        <v>0.16819999999999999</v>
      </c>
      <c r="K22" s="42">
        <v>3.8E-3</v>
      </c>
      <c r="L22" s="40" t="s">
        <v>7</v>
      </c>
    </row>
    <row r="23" spans="2:12" x14ac:dyDescent="0.2">
      <c r="B23" s="1" t="s">
        <v>416</v>
      </c>
      <c r="C23" s="1" t="s">
        <v>7</v>
      </c>
      <c r="D23" s="1" t="s">
        <v>7</v>
      </c>
      <c r="E23" s="1" t="s">
        <v>7</v>
      </c>
      <c r="F23" s="39">
        <v>0</v>
      </c>
      <c r="G23" s="1" t="s">
        <v>7</v>
      </c>
      <c r="H23" s="39">
        <v>0</v>
      </c>
      <c r="I23" s="1" t="s">
        <v>7</v>
      </c>
      <c r="J23" s="38">
        <v>0</v>
      </c>
      <c r="K23" s="38">
        <v>0</v>
      </c>
      <c r="L23" s="1" t="s">
        <v>7</v>
      </c>
    </row>
    <row r="24" spans="2:12" x14ac:dyDescent="0.2">
      <c r="B24" s="1" t="s">
        <v>417</v>
      </c>
      <c r="C24" s="1" t="s">
        <v>7</v>
      </c>
      <c r="D24" s="1" t="s">
        <v>7</v>
      </c>
      <c r="E24" s="1" t="s">
        <v>7</v>
      </c>
      <c r="F24" s="39">
        <v>0</v>
      </c>
      <c r="G24" s="1" t="s">
        <v>7</v>
      </c>
      <c r="H24" s="39">
        <v>0</v>
      </c>
      <c r="I24" s="1" t="s">
        <v>7</v>
      </c>
      <c r="J24" s="38">
        <v>0</v>
      </c>
      <c r="K24" s="38">
        <v>0</v>
      </c>
      <c r="L24" s="1" t="s">
        <v>7</v>
      </c>
    </row>
    <row r="25" spans="2:12" x14ac:dyDescent="0.2">
      <c r="B25" s="36" t="s">
        <v>100</v>
      </c>
    </row>
    <row r="26" spans="2:12" x14ac:dyDescent="0.2">
      <c r="B26" s="36" t="s">
        <v>126</v>
      </c>
    </row>
    <row r="27" spans="2:12" x14ac:dyDescent="0.2">
      <c r="B27" s="62" t="s">
        <v>59</v>
      </c>
      <c r="C27" s="46"/>
      <c r="D27" s="46"/>
      <c r="E27" s="46"/>
      <c r="F27" s="46"/>
      <c r="G27" s="46"/>
      <c r="H27" s="46"/>
      <c r="I27" s="46"/>
      <c r="J27" s="46"/>
      <c r="K27" s="46"/>
      <c r="L27" s="46"/>
    </row>
  </sheetData>
  <mergeCells count="1">
    <mergeCell ref="B27:L27"/>
  </mergeCells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6"/>
  <sheetViews>
    <sheetView rightToLeft="1" topLeftCell="A4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8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152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42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1</v>
      </c>
      <c r="C8" s="1" t="s">
        <v>62</v>
      </c>
      <c r="D8" s="1" t="s">
        <v>129</v>
      </c>
      <c r="E8" s="1" t="s">
        <v>66</v>
      </c>
      <c r="F8" s="1" t="s">
        <v>104</v>
      </c>
      <c r="G8" s="1" t="s">
        <v>106</v>
      </c>
      <c r="H8" s="1" t="s">
        <v>107</v>
      </c>
      <c r="I8" s="1" t="s">
        <v>9</v>
      </c>
      <c r="J8" s="1" t="s">
        <v>109</v>
      </c>
      <c r="K8" s="1" t="s">
        <v>70</v>
      </c>
      <c r="L8" s="1" t="s">
        <v>110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12</v>
      </c>
      <c r="H9" s="1" t="s">
        <v>113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2:13" x14ac:dyDescent="0.2">
      <c r="B11" s="1" t="s">
        <v>369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422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423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36" t="s">
        <v>100</v>
      </c>
    </row>
    <row r="15" spans="2:13" x14ac:dyDescent="0.2">
      <c r="B15" s="36" t="s">
        <v>126</v>
      </c>
    </row>
    <row r="16" spans="2:13" x14ac:dyDescent="0.2">
      <c r="B16" s="63" t="s">
        <v>59</v>
      </c>
      <c r="C16" s="46"/>
      <c r="D16" s="46"/>
      <c r="E16" s="46"/>
      <c r="F16" s="46"/>
      <c r="G16" s="46"/>
      <c r="H16" s="46"/>
      <c r="I16" s="46"/>
      <c r="J16" s="46"/>
      <c r="K16" s="46"/>
      <c r="L16" s="46"/>
      <c r="M16" s="46"/>
    </row>
  </sheetData>
  <mergeCells count="1">
    <mergeCell ref="B16:M16"/>
  </mergeCells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26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5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152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424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1</v>
      </c>
      <c r="C8" s="1" t="s">
        <v>62</v>
      </c>
      <c r="D8" s="1" t="s">
        <v>129</v>
      </c>
      <c r="E8" s="1" t="s">
        <v>66</v>
      </c>
      <c r="F8" s="1" t="s">
        <v>104</v>
      </c>
      <c r="G8" s="1" t="s">
        <v>106</v>
      </c>
      <c r="H8" s="1" t="s">
        <v>107</v>
      </c>
      <c r="I8" s="1" t="s">
        <v>9</v>
      </c>
      <c r="J8" s="1" t="s">
        <v>109</v>
      </c>
      <c r="K8" s="1" t="s">
        <v>70</v>
      </c>
      <c r="L8" s="1" t="s">
        <v>110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140</v>
      </c>
      <c r="G9" s="1" t="s">
        <v>141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2:13" x14ac:dyDescent="0.2">
      <c r="B11" s="1" t="s">
        <v>37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  <c r="L11" s="38">
        <v>0</v>
      </c>
      <c r="M11" s="1" t="s">
        <v>7</v>
      </c>
    </row>
    <row r="12" spans="2:13" x14ac:dyDescent="0.2">
      <c r="B12" s="1" t="s">
        <v>425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  <c r="L12" s="38">
        <v>0</v>
      </c>
      <c r="M12" s="1" t="s">
        <v>7</v>
      </c>
    </row>
    <row r="13" spans="2:13" x14ac:dyDescent="0.2">
      <c r="B13" s="1" t="s">
        <v>37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38">
        <v>0</v>
      </c>
      <c r="M13" s="1" t="s">
        <v>7</v>
      </c>
    </row>
    <row r="14" spans="2:13" x14ac:dyDescent="0.2">
      <c r="B14" s="1" t="s">
        <v>426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38">
        <v>0</v>
      </c>
      <c r="K14" s="38">
        <v>0</v>
      </c>
      <c r="L14" s="38">
        <v>0</v>
      </c>
      <c r="M14" s="1" t="s">
        <v>7</v>
      </c>
    </row>
    <row r="15" spans="2:13" x14ac:dyDescent="0.2">
      <c r="B15" s="1" t="s">
        <v>427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38">
        <v>0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379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38">
        <v>0</v>
      </c>
      <c r="K16" s="38">
        <v>0</v>
      </c>
      <c r="L16" s="38">
        <v>0</v>
      </c>
      <c r="M16" s="1" t="s">
        <v>7</v>
      </c>
    </row>
    <row r="17" spans="2:13" x14ac:dyDescent="0.2">
      <c r="B17" s="1" t="s">
        <v>301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38">
        <v>0</v>
      </c>
      <c r="K17" s="38">
        <v>0</v>
      </c>
      <c r="L17" s="38">
        <v>0</v>
      </c>
      <c r="M17" s="1" t="s">
        <v>7</v>
      </c>
    </row>
    <row r="18" spans="2:13" x14ac:dyDescent="0.2">
      <c r="B18" s="1" t="s">
        <v>428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38">
        <v>0</v>
      </c>
      <c r="K18" s="38">
        <v>0</v>
      </c>
      <c r="L18" s="38">
        <v>0</v>
      </c>
      <c r="M18" s="1" t="s">
        <v>7</v>
      </c>
    </row>
    <row r="19" spans="2:13" x14ac:dyDescent="0.2">
      <c r="B19" s="1" t="s">
        <v>377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39">
        <v>0</v>
      </c>
      <c r="J19" s="38">
        <v>0</v>
      </c>
      <c r="K19" s="38">
        <v>0</v>
      </c>
      <c r="L19" s="38">
        <v>0</v>
      </c>
      <c r="M19" s="1" t="s">
        <v>7</v>
      </c>
    </row>
    <row r="20" spans="2:13" x14ac:dyDescent="0.2">
      <c r="B20" s="1" t="s">
        <v>380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38">
        <v>0</v>
      </c>
      <c r="K20" s="38">
        <v>0</v>
      </c>
      <c r="L20" s="38">
        <v>0</v>
      </c>
      <c r="M20" s="1" t="s">
        <v>7</v>
      </c>
    </row>
    <row r="21" spans="2:13" x14ac:dyDescent="0.2">
      <c r="B21" s="1" t="s">
        <v>379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38">
        <v>0</v>
      </c>
      <c r="K21" s="38">
        <v>0</v>
      </c>
      <c r="L21" s="38">
        <v>0</v>
      </c>
      <c r="M21" s="1" t="s">
        <v>7</v>
      </c>
    </row>
    <row r="22" spans="2:13" x14ac:dyDescent="0.2">
      <c r="B22" s="1" t="s">
        <v>381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38">
        <v>0</v>
      </c>
      <c r="K22" s="38">
        <v>0</v>
      </c>
      <c r="L22" s="38">
        <v>0</v>
      </c>
      <c r="M22" s="1" t="s">
        <v>7</v>
      </c>
    </row>
    <row r="23" spans="2:13" x14ac:dyDescent="0.2">
      <c r="B23" s="1" t="s">
        <v>301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38">
        <v>0</v>
      </c>
      <c r="K23" s="38">
        <v>0</v>
      </c>
      <c r="L23" s="38">
        <v>0</v>
      </c>
      <c r="M23" s="1" t="s">
        <v>7</v>
      </c>
    </row>
    <row r="24" spans="2:13" x14ac:dyDescent="0.2">
      <c r="B24" s="36" t="s">
        <v>100</v>
      </c>
    </row>
    <row r="25" spans="2:13" x14ac:dyDescent="0.2">
      <c r="B25" s="36" t="s">
        <v>126</v>
      </c>
    </row>
    <row r="26" spans="2:13" x14ac:dyDescent="0.2">
      <c r="B26" s="64" t="s">
        <v>59</v>
      </c>
      <c r="C26" s="46"/>
      <c r="D26" s="46"/>
      <c r="E26" s="46"/>
      <c r="F26" s="46"/>
      <c r="G26" s="46"/>
      <c r="H26" s="46"/>
      <c r="I26" s="46"/>
      <c r="J26" s="46"/>
      <c r="K26" s="46"/>
      <c r="L26" s="46"/>
      <c r="M26" s="46"/>
    </row>
  </sheetData>
  <mergeCells count="1">
    <mergeCell ref="B26:M26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30"/>
  <sheetViews>
    <sheetView rightToLeft="1" topLeftCell="A16" workbookViewId="0"/>
  </sheetViews>
  <sheetFormatPr defaultRowHeight="14.25" x14ac:dyDescent="0.2"/>
  <cols>
    <col min="1" max="1" width="3" customWidth="1"/>
    <col min="2" max="2" width="40" customWidth="1"/>
    <col min="3" max="4" width="12" customWidth="1"/>
    <col min="5" max="5" width="7" customWidth="1"/>
    <col min="6" max="6" width="11" customWidth="1"/>
    <col min="7" max="7" width="16" customWidth="1"/>
    <col min="8" max="8" width="13" customWidth="1"/>
    <col min="9" max="9" width="15" customWidth="1"/>
    <col min="10" max="10" width="10" customWidth="1"/>
    <col min="11" max="11" width="24" customWidth="1"/>
    <col min="12" max="12" width="21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52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6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61</v>
      </c>
      <c r="C7" s="1" t="s">
        <v>62</v>
      </c>
      <c r="D7" s="1" t="s">
        <v>63</v>
      </c>
      <c r="E7" s="1" t="s">
        <v>64</v>
      </c>
      <c r="F7" s="1" t="s">
        <v>65</v>
      </c>
      <c r="G7" s="1" t="s">
        <v>66</v>
      </c>
      <c r="H7" s="1" t="s">
        <v>67</v>
      </c>
      <c r="I7" s="1" t="s">
        <v>68</v>
      </c>
      <c r="J7" s="1" t="s">
        <v>69</v>
      </c>
      <c r="K7" s="1" t="s">
        <v>70</v>
      </c>
      <c r="L7" s="1" t="s">
        <v>71</v>
      </c>
    </row>
    <row r="8" spans="2:12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7</v>
      </c>
      <c r="H8" s="1" t="s">
        <v>12</v>
      </c>
      <c r="I8" s="1" t="s">
        <v>12</v>
      </c>
      <c r="J8" s="1" t="s">
        <v>11</v>
      </c>
      <c r="K8" s="1" t="s">
        <v>12</v>
      </c>
      <c r="L8" s="1" t="s">
        <v>12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</row>
    <row r="10" spans="2:12" x14ac:dyDescent="0.2">
      <c r="B10" s="1" t="s">
        <v>80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8">
        <v>1E-4</v>
      </c>
      <c r="I10" s="38">
        <v>0</v>
      </c>
      <c r="J10" s="39">
        <v>1794.05</v>
      </c>
      <c r="K10" s="38">
        <v>1</v>
      </c>
      <c r="L10" s="38">
        <v>6.1400000000000003E-2</v>
      </c>
    </row>
    <row r="11" spans="2:12" x14ac:dyDescent="0.2">
      <c r="B11" s="1" t="s">
        <v>8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8">
        <v>1E-4</v>
      </c>
      <c r="I11" s="38">
        <v>0</v>
      </c>
      <c r="J11" s="39">
        <v>1794.05</v>
      </c>
      <c r="K11" s="38">
        <v>1</v>
      </c>
      <c r="L11" s="38">
        <v>6.1400000000000003E-2</v>
      </c>
    </row>
    <row r="12" spans="2:12" x14ac:dyDescent="0.2">
      <c r="B12" s="1" t="s">
        <v>82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</row>
    <row r="13" spans="2:12" x14ac:dyDescent="0.2">
      <c r="B13" s="40" t="s">
        <v>83</v>
      </c>
      <c r="C13" s="41">
        <v>111111111</v>
      </c>
      <c r="D13" s="41">
        <v>512199381</v>
      </c>
      <c r="E13" s="40" t="s">
        <v>84</v>
      </c>
      <c r="F13" s="40" t="s">
        <v>85</v>
      </c>
      <c r="G13" s="40" t="s">
        <v>86</v>
      </c>
      <c r="H13" s="42">
        <v>0</v>
      </c>
      <c r="I13" s="42">
        <v>0</v>
      </c>
      <c r="J13" s="43">
        <v>0.11</v>
      </c>
      <c r="K13" s="42">
        <v>1E-4</v>
      </c>
      <c r="L13" s="42">
        <v>0</v>
      </c>
    </row>
    <row r="14" spans="2:12" x14ac:dyDescent="0.2">
      <c r="B14" s="1" t="s">
        <v>87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1" t="s">
        <v>7</v>
      </c>
      <c r="L14" s="1" t="s">
        <v>7</v>
      </c>
    </row>
    <row r="15" spans="2:12" x14ac:dyDescent="0.2">
      <c r="B15" s="40" t="s">
        <v>88</v>
      </c>
      <c r="C15" s="41">
        <v>110002987</v>
      </c>
      <c r="D15" s="41">
        <v>512199381</v>
      </c>
      <c r="E15" s="40" t="s">
        <v>84</v>
      </c>
      <c r="F15" s="40" t="s">
        <v>85</v>
      </c>
      <c r="G15" s="40" t="s">
        <v>53</v>
      </c>
      <c r="H15" s="42">
        <v>0</v>
      </c>
      <c r="I15" s="42">
        <v>0</v>
      </c>
      <c r="J15" s="43">
        <v>118.46</v>
      </c>
      <c r="K15" s="42">
        <v>6.6000000000000003E-2</v>
      </c>
      <c r="L15" s="42">
        <v>4.1000000000000003E-3</v>
      </c>
    </row>
    <row r="16" spans="2:12" x14ac:dyDescent="0.2">
      <c r="B16" s="40" t="s">
        <v>89</v>
      </c>
      <c r="C16" s="41">
        <v>110006038</v>
      </c>
      <c r="D16" s="41">
        <v>512199381</v>
      </c>
      <c r="E16" s="40" t="s">
        <v>84</v>
      </c>
      <c r="F16" s="40" t="s">
        <v>85</v>
      </c>
      <c r="G16" s="40" t="s">
        <v>51</v>
      </c>
      <c r="H16" s="42">
        <v>0</v>
      </c>
      <c r="I16" s="42">
        <v>0</v>
      </c>
      <c r="J16" s="43">
        <v>7.57</v>
      </c>
      <c r="K16" s="42">
        <v>4.1999999999999997E-3</v>
      </c>
      <c r="L16" s="42">
        <v>2.9999999999999997E-4</v>
      </c>
    </row>
    <row r="17" spans="2:12" x14ac:dyDescent="0.2">
      <c r="B17" s="40" t="s">
        <v>90</v>
      </c>
      <c r="C17" s="41">
        <v>110002805</v>
      </c>
      <c r="D17" s="41">
        <v>512199381</v>
      </c>
      <c r="E17" s="40" t="s">
        <v>84</v>
      </c>
      <c r="F17" s="40" t="s">
        <v>85</v>
      </c>
      <c r="G17" s="40" t="s">
        <v>49</v>
      </c>
      <c r="H17" s="42">
        <v>0</v>
      </c>
      <c r="I17" s="42">
        <v>0</v>
      </c>
      <c r="J17" s="43">
        <v>241.48</v>
      </c>
      <c r="K17" s="42">
        <v>0.1346</v>
      </c>
      <c r="L17" s="42">
        <v>8.3000000000000001E-3</v>
      </c>
    </row>
    <row r="18" spans="2:12" x14ac:dyDescent="0.2">
      <c r="B18" s="40" t="s">
        <v>91</v>
      </c>
      <c r="C18" s="41">
        <v>110010568</v>
      </c>
      <c r="D18" s="41">
        <v>512199381</v>
      </c>
      <c r="E18" s="40" t="s">
        <v>84</v>
      </c>
      <c r="F18" s="40" t="s">
        <v>85</v>
      </c>
      <c r="G18" s="40" t="s">
        <v>57</v>
      </c>
      <c r="H18" s="42">
        <v>0</v>
      </c>
      <c r="I18" s="42">
        <v>0</v>
      </c>
      <c r="J18" s="43">
        <v>15.76</v>
      </c>
      <c r="K18" s="42">
        <v>8.8000000000000005E-3</v>
      </c>
      <c r="L18" s="42">
        <v>5.0000000000000001E-4</v>
      </c>
    </row>
    <row r="19" spans="2:12" x14ac:dyDescent="0.2">
      <c r="B19" s="40" t="s">
        <v>92</v>
      </c>
      <c r="C19" s="41">
        <v>110046471</v>
      </c>
      <c r="D19" s="41">
        <v>512199381</v>
      </c>
      <c r="E19" s="40" t="s">
        <v>84</v>
      </c>
      <c r="F19" s="40" t="s">
        <v>85</v>
      </c>
      <c r="G19" s="40" t="s">
        <v>55</v>
      </c>
      <c r="H19" s="42">
        <v>0</v>
      </c>
      <c r="I19" s="42">
        <v>0</v>
      </c>
      <c r="J19" s="43">
        <v>0.28999999999999998</v>
      </c>
      <c r="K19" s="42">
        <v>2.0000000000000001E-4</v>
      </c>
      <c r="L19" s="42">
        <v>0</v>
      </c>
    </row>
    <row r="20" spans="2:12" x14ac:dyDescent="0.2">
      <c r="B20" s="1" t="s">
        <v>93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1" t="s">
        <v>7</v>
      </c>
      <c r="K20" s="1" t="s">
        <v>7</v>
      </c>
      <c r="L20" s="1" t="s">
        <v>7</v>
      </c>
    </row>
    <row r="21" spans="2:12" x14ac:dyDescent="0.2">
      <c r="B21" s="40" t="s">
        <v>83</v>
      </c>
      <c r="C21" s="41">
        <v>111111222</v>
      </c>
      <c r="D21" s="41">
        <v>512199381</v>
      </c>
      <c r="E21" s="40" t="s">
        <v>84</v>
      </c>
      <c r="F21" s="40" t="s">
        <v>85</v>
      </c>
      <c r="G21" s="40" t="s">
        <v>86</v>
      </c>
      <c r="H21" s="42">
        <v>1E-4</v>
      </c>
      <c r="I21" s="42">
        <v>0</v>
      </c>
      <c r="J21" s="43">
        <v>1410.39</v>
      </c>
      <c r="K21" s="42">
        <v>0.78610000000000002</v>
      </c>
      <c r="L21" s="42">
        <v>4.8300000000000003E-2</v>
      </c>
    </row>
    <row r="22" spans="2:12" x14ac:dyDescent="0.2">
      <c r="B22" s="1" t="s">
        <v>94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1" t="s">
        <v>7</v>
      </c>
      <c r="J22" s="1" t="s">
        <v>7</v>
      </c>
      <c r="K22" s="1" t="s">
        <v>7</v>
      </c>
      <c r="L22" s="1" t="s">
        <v>7</v>
      </c>
    </row>
    <row r="23" spans="2:12" x14ac:dyDescent="0.2">
      <c r="B23" s="1" t="s">
        <v>95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1" t="s">
        <v>7</v>
      </c>
      <c r="J23" s="1" t="s">
        <v>7</v>
      </c>
      <c r="K23" s="1" t="s">
        <v>7</v>
      </c>
      <c r="L23" s="1" t="s">
        <v>7</v>
      </c>
    </row>
    <row r="24" spans="2:12" x14ac:dyDescent="0.2">
      <c r="B24" s="1" t="s">
        <v>96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1" t="s">
        <v>7</v>
      </c>
      <c r="J24" s="1" t="s">
        <v>7</v>
      </c>
      <c r="K24" s="1" t="s">
        <v>7</v>
      </c>
      <c r="L24" s="1" t="s">
        <v>7</v>
      </c>
    </row>
    <row r="25" spans="2:12" x14ac:dyDescent="0.2">
      <c r="B25" s="1" t="s">
        <v>97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1" t="s">
        <v>7</v>
      </c>
      <c r="I25" s="1" t="s">
        <v>7</v>
      </c>
      <c r="J25" s="1" t="s">
        <v>7</v>
      </c>
      <c r="K25" s="1" t="s">
        <v>7</v>
      </c>
      <c r="L25" s="1" t="s">
        <v>7</v>
      </c>
    </row>
    <row r="26" spans="2:12" x14ac:dyDescent="0.2">
      <c r="B26" s="1" t="s">
        <v>98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38">
        <v>0</v>
      </c>
      <c r="I26" s="38">
        <v>0</v>
      </c>
      <c r="J26" s="39">
        <v>0</v>
      </c>
      <c r="K26" s="38">
        <v>0</v>
      </c>
      <c r="L26" s="38">
        <v>0</v>
      </c>
    </row>
    <row r="27" spans="2:12" x14ac:dyDescent="0.2">
      <c r="B27" s="1" t="s">
        <v>99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1" t="s">
        <v>7</v>
      </c>
      <c r="J27" s="1" t="s">
        <v>7</v>
      </c>
      <c r="K27" s="1" t="s">
        <v>7</v>
      </c>
      <c r="L27" s="1" t="s">
        <v>7</v>
      </c>
    </row>
    <row r="28" spans="2:12" x14ac:dyDescent="0.2">
      <c r="B28" s="1" t="s">
        <v>97</v>
      </c>
      <c r="C28" s="1" t="s">
        <v>7</v>
      </c>
      <c r="D28" s="1" t="s">
        <v>7</v>
      </c>
      <c r="E28" s="1" t="s">
        <v>7</v>
      </c>
      <c r="F28" s="1" t="s">
        <v>7</v>
      </c>
      <c r="G28" s="1" t="s">
        <v>7</v>
      </c>
      <c r="H28" s="1" t="s">
        <v>7</v>
      </c>
      <c r="I28" s="1" t="s">
        <v>7</v>
      </c>
      <c r="J28" s="1" t="s">
        <v>7</v>
      </c>
      <c r="K28" s="1" t="s">
        <v>7</v>
      </c>
      <c r="L28" s="1" t="s">
        <v>7</v>
      </c>
    </row>
    <row r="29" spans="2:12" x14ac:dyDescent="0.2">
      <c r="B29" s="36" t="s">
        <v>100</v>
      </c>
    </row>
    <row r="30" spans="2:12" x14ac:dyDescent="0.2">
      <c r="B30" s="47" t="s">
        <v>59</v>
      </c>
      <c r="C30" s="46"/>
      <c r="D30" s="46"/>
      <c r="E30" s="46"/>
      <c r="F30" s="46"/>
      <c r="G30" s="46"/>
      <c r="H30" s="46"/>
      <c r="I30" s="46"/>
      <c r="J30" s="46"/>
      <c r="K30" s="46"/>
      <c r="L30" s="46"/>
    </row>
  </sheetData>
  <mergeCells count="1">
    <mergeCell ref="B30:L30"/>
  </mergeCells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7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14" customWidth="1"/>
    <col min="6" max="6" width="13" customWidth="1"/>
    <col min="7" max="7" width="15" customWidth="1"/>
    <col min="8" max="8" width="8" customWidth="1"/>
    <col min="9" max="9" width="11" customWidth="1"/>
    <col min="10" max="10" width="24" customWidth="1"/>
    <col min="11" max="11" width="23" customWidth="1"/>
    <col min="12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52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3" t="s">
        <v>42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2:12" x14ac:dyDescent="0.2">
      <c r="B8" s="1" t="s">
        <v>61</v>
      </c>
      <c r="C8" s="1" t="s">
        <v>62</v>
      </c>
      <c r="D8" s="1" t="s">
        <v>129</v>
      </c>
      <c r="E8" s="1" t="s">
        <v>66</v>
      </c>
      <c r="F8" s="1" t="s">
        <v>104</v>
      </c>
      <c r="G8" s="1" t="s">
        <v>106</v>
      </c>
      <c r="H8" s="1" t="s">
        <v>107</v>
      </c>
      <c r="I8" s="1" t="s">
        <v>9</v>
      </c>
      <c r="J8" s="1" t="s">
        <v>70</v>
      </c>
      <c r="K8" s="1" t="s">
        <v>110</v>
      </c>
      <c r="L8" s="1" t="s">
        <v>7</v>
      </c>
    </row>
    <row r="9" spans="2:1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12</v>
      </c>
      <c r="H9" s="1" t="s">
        <v>113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2:1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</v>
      </c>
    </row>
    <row r="11" spans="2:12" x14ac:dyDescent="0.2">
      <c r="B11" s="1" t="s">
        <v>38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290.35000000000002</v>
      </c>
      <c r="J11" s="38">
        <v>1</v>
      </c>
      <c r="K11" s="38">
        <v>9.9000000000000008E-3</v>
      </c>
      <c r="L11" s="1" t="s">
        <v>7</v>
      </c>
    </row>
    <row r="12" spans="2:12" x14ac:dyDescent="0.2">
      <c r="B12" s="1" t="s">
        <v>430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290.35000000000002</v>
      </c>
      <c r="J12" s="38">
        <v>1</v>
      </c>
      <c r="K12" s="38">
        <v>9.9000000000000008E-3</v>
      </c>
      <c r="L12" s="1" t="s">
        <v>7</v>
      </c>
    </row>
    <row r="13" spans="2:12" x14ac:dyDescent="0.2">
      <c r="B13" s="1" t="s">
        <v>37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0</v>
      </c>
      <c r="J13" s="38">
        <v>0</v>
      </c>
      <c r="K13" s="38">
        <v>0</v>
      </c>
      <c r="L13" s="1" t="s">
        <v>7</v>
      </c>
    </row>
    <row r="14" spans="2:12" x14ac:dyDescent="0.2">
      <c r="B14" s="1" t="s">
        <v>426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290.35000000000002</v>
      </c>
      <c r="J14" s="38">
        <v>1</v>
      </c>
      <c r="K14" s="38">
        <v>9.9000000000000008E-3</v>
      </c>
      <c r="L14" s="1" t="s">
        <v>7</v>
      </c>
    </row>
    <row r="15" spans="2:12" x14ac:dyDescent="0.2">
      <c r="B15" s="40" t="s">
        <v>431</v>
      </c>
      <c r="C15" s="41">
        <v>9906463</v>
      </c>
      <c r="D15" s="40" t="s">
        <v>387</v>
      </c>
      <c r="E15" s="40" t="s">
        <v>53</v>
      </c>
      <c r="F15" s="40" t="s">
        <v>432</v>
      </c>
      <c r="G15" s="43">
        <v>-190500</v>
      </c>
      <c r="H15" s="43">
        <v>-5.65</v>
      </c>
      <c r="I15" s="43">
        <v>37.880000000000003</v>
      </c>
      <c r="J15" s="42">
        <v>0.1305</v>
      </c>
      <c r="K15" s="42">
        <v>1.2999999999999999E-3</v>
      </c>
      <c r="L15" s="40" t="s">
        <v>7</v>
      </c>
    </row>
    <row r="16" spans="2:12" x14ac:dyDescent="0.2">
      <c r="B16" s="40" t="s">
        <v>433</v>
      </c>
      <c r="C16" s="41">
        <v>9906466</v>
      </c>
      <c r="D16" s="40" t="s">
        <v>387</v>
      </c>
      <c r="E16" s="40" t="s">
        <v>49</v>
      </c>
      <c r="F16" s="40" t="s">
        <v>434</v>
      </c>
      <c r="G16" s="43">
        <v>-3034000</v>
      </c>
      <c r="H16" s="43">
        <v>-2.68</v>
      </c>
      <c r="I16" s="43">
        <v>252.46</v>
      </c>
      <c r="J16" s="42">
        <v>0.86950000000000005</v>
      </c>
      <c r="K16" s="42">
        <v>8.6E-3</v>
      </c>
      <c r="L16" s="40" t="s">
        <v>7</v>
      </c>
    </row>
    <row r="17" spans="2:12" x14ac:dyDescent="0.2">
      <c r="B17" s="1" t="s">
        <v>42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38">
        <v>0</v>
      </c>
      <c r="K17" s="38">
        <v>0</v>
      </c>
      <c r="L17" s="1" t="s">
        <v>7</v>
      </c>
    </row>
    <row r="18" spans="2:12" x14ac:dyDescent="0.2">
      <c r="B18" s="1" t="s">
        <v>379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38">
        <v>0</v>
      </c>
      <c r="K18" s="38">
        <v>0</v>
      </c>
      <c r="L18" s="1" t="s">
        <v>7</v>
      </c>
    </row>
    <row r="19" spans="2:12" x14ac:dyDescent="0.2">
      <c r="B19" s="1" t="s">
        <v>301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39">
        <v>0</v>
      </c>
      <c r="J19" s="38">
        <v>0</v>
      </c>
      <c r="K19" s="38">
        <v>0</v>
      </c>
      <c r="L19" s="1" t="s">
        <v>7</v>
      </c>
    </row>
    <row r="20" spans="2:12" x14ac:dyDescent="0.2">
      <c r="B20" s="1" t="s">
        <v>435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39">
        <v>0</v>
      </c>
      <c r="J20" s="38">
        <v>0</v>
      </c>
      <c r="K20" s="38">
        <v>0</v>
      </c>
      <c r="L20" s="1" t="s">
        <v>7</v>
      </c>
    </row>
    <row r="21" spans="2:12" x14ac:dyDescent="0.2">
      <c r="B21" s="1" t="s">
        <v>377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38">
        <v>0</v>
      </c>
      <c r="K21" s="38">
        <v>0</v>
      </c>
      <c r="L21" s="1" t="s">
        <v>7</v>
      </c>
    </row>
    <row r="22" spans="2:12" x14ac:dyDescent="0.2">
      <c r="B22" s="1" t="s">
        <v>380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38">
        <v>0</v>
      </c>
      <c r="K22" s="38">
        <v>0</v>
      </c>
      <c r="L22" s="1" t="s">
        <v>7</v>
      </c>
    </row>
    <row r="23" spans="2:12" x14ac:dyDescent="0.2">
      <c r="B23" s="1" t="s">
        <v>379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38">
        <v>0</v>
      </c>
      <c r="K23" s="38">
        <v>0</v>
      </c>
      <c r="L23" s="1" t="s">
        <v>7</v>
      </c>
    </row>
    <row r="24" spans="2:12" x14ac:dyDescent="0.2">
      <c r="B24" s="1" t="s">
        <v>301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39">
        <v>0</v>
      </c>
      <c r="J24" s="38">
        <v>0</v>
      </c>
      <c r="K24" s="38">
        <v>0</v>
      </c>
      <c r="L24" s="1" t="s">
        <v>7</v>
      </c>
    </row>
    <row r="25" spans="2:12" x14ac:dyDescent="0.2">
      <c r="B25" s="36" t="s">
        <v>100</v>
      </c>
    </row>
    <row r="26" spans="2:12" x14ac:dyDescent="0.2">
      <c r="B26" s="36" t="s">
        <v>126</v>
      </c>
    </row>
    <row r="27" spans="2:12" x14ac:dyDescent="0.2">
      <c r="B27" s="65" t="s">
        <v>59</v>
      </c>
      <c r="C27" s="46"/>
      <c r="D27" s="46"/>
      <c r="E27" s="46"/>
      <c r="F27" s="46"/>
      <c r="G27" s="46"/>
      <c r="H27" s="46"/>
      <c r="I27" s="46"/>
      <c r="J27" s="46"/>
      <c r="K27" s="46"/>
      <c r="L27" s="46"/>
    </row>
  </sheetData>
  <mergeCells count="1">
    <mergeCell ref="B27:L27"/>
  </mergeCells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22"/>
  <sheetViews>
    <sheetView rightToLeft="1" topLeftCell="A7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1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2:18" x14ac:dyDescent="0.2">
      <c r="B1" s="37" t="s">
        <v>0</v>
      </c>
      <c r="C1" s="37" t="s">
        <v>1</v>
      </c>
    </row>
    <row r="2" spans="2:18" x14ac:dyDescent="0.2">
      <c r="B2" s="37" t="s">
        <v>2</v>
      </c>
      <c r="C2" s="37" t="s">
        <v>3</v>
      </c>
    </row>
    <row r="3" spans="2:18" x14ac:dyDescent="0.2">
      <c r="B3" s="37" t="s">
        <v>4</v>
      </c>
      <c r="C3" s="37" t="s">
        <v>5</v>
      </c>
    </row>
    <row r="4" spans="2:18" x14ac:dyDescent="0.2">
      <c r="B4" s="37" t="s">
        <v>6</v>
      </c>
      <c r="C4" s="37">
        <v>1526</v>
      </c>
    </row>
    <row r="5" spans="2:18" x14ac:dyDescent="0.2">
      <c r="B5" s="37" t="s">
        <v>7</v>
      </c>
      <c r="C5" s="37" t="s">
        <v>7</v>
      </c>
    </row>
    <row r="6" spans="2:18" x14ac:dyDescent="0.2">
      <c r="B6" s="3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2:18" x14ac:dyDescent="0.2">
      <c r="B7" s="3" t="s">
        <v>43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2:18" x14ac:dyDescent="0.2">
      <c r="B8" s="1" t="s">
        <v>61</v>
      </c>
      <c r="C8" s="1" t="s">
        <v>62</v>
      </c>
      <c r="D8" s="1" t="s">
        <v>389</v>
      </c>
      <c r="E8" s="1" t="s">
        <v>64</v>
      </c>
      <c r="F8" s="1" t="s">
        <v>65</v>
      </c>
      <c r="G8" s="1" t="s">
        <v>104</v>
      </c>
      <c r="H8" s="1" t="s">
        <v>105</v>
      </c>
      <c r="I8" s="1" t="s">
        <v>66</v>
      </c>
      <c r="J8" s="1" t="s">
        <v>67</v>
      </c>
      <c r="K8" s="1" t="s">
        <v>68</v>
      </c>
      <c r="L8" s="1" t="s">
        <v>106</v>
      </c>
      <c r="M8" s="1" t="s">
        <v>107</v>
      </c>
      <c r="N8" s="1" t="s">
        <v>9</v>
      </c>
      <c r="O8" s="1" t="s">
        <v>109</v>
      </c>
      <c r="P8" s="1" t="s">
        <v>70</v>
      </c>
      <c r="Q8" s="1" t="s">
        <v>110</v>
      </c>
      <c r="R8" s="1" t="s">
        <v>7</v>
      </c>
    </row>
    <row r="9" spans="2:18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40</v>
      </c>
      <c r="H9" s="1" t="s">
        <v>111</v>
      </c>
      <c r="I9" s="1" t="s">
        <v>7</v>
      </c>
      <c r="J9" s="1" t="s">
        <v>12</v>
      </c>
      <c r="K9" s="1" t="s">
        <v>12</v>
      </c>
      <c r="L9" s="1" t="s">
        <v>112</v>
      </c>
      <c r="M9" s="1" t="s">
        <v>113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2:18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117</v>
      </c>
      <c r="Q10" s="1" t="s">
        <v>118</v>
      </c>
      <c r="R10" s="1" t="s">
        <v>7</v>
      </c>
    </row>
    <row r="11" spans="2:18" x14ac:dyDescent="0.2">
      <c r="B11" s="1" t="s">
        <v>437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1" t="s">
        <v>7</v>
      </c>
      <c r="N11" s="39">
        <v>0</v>
      </c>
      <c r="O11" s="1" t="s">
        <v>7</v>
      </c>
      <c r="P11" s="38">
        <v>0</v>
      </c>
      <c r="Q11" s="38">
        <v>0</v>
      </c>
      <c r="R11" s="1" t="s">
        <v>7</v>
      </c>
    </row>
    <row r="12" spans="2:18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1" t="s">
        <v>7</v>
      </c>
      <c r="N12" s="39">
        <v>0</v>
      </c>
      <c r="O12" s="1" t="s">
        <v>7</v>
      </c>
      <c r="P12" s="38">
        <v>0</v>
      </c>
      <c r="Q12" s="38">
        <v>0</v>
      </c>
      <c r="R12" s="1" t="s">
        <v>7</v>
      </c>
    </row>
    <row r="13" spans="2:18" x14ac:dyDescent="0.2">
      <c r="B13" s="1" t="s">
        <v>39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1" t="s">
        <v>7</v>
      </c>
      <c r="N13" s="39">
        <v>0</v>
      </c>
      <c r="O13" s="1" t="s">
        <v>7</v>
      </c>
      <c r="P13" s="38">
        <v>0</v>
      </c>
      <c r="Q13" s="38">
        <v>0</v>
      </c>
      <c r="R13" s="1" t="s">
        <v>7</v>
      </c>
    </row>
    <row r="14" spans="2:18" x14ac:dyDescent="0.2">
      <c r="B14" s="1" t="s">
        <v>392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1" t="s">
        <v>7</v>
      </c>
      <c r="N14" s="39">
        <v>0</v>
      </c>
      <c r="O14" s="1" t="s">
        <v>7</v>
      </c>
      <c r="P14" s="38">
        <v>0</v>
      </c>
      <c r="Q14" s="38">
        <v>0</v>
      </c>
      <c r="R14" s="1" t="s">
        <v>7</v>
      </c>
    </row>
    <row r="15" spans="2:18" x14ac:dyDescent="0.2">
      <c r="B15" s="1" t="s">
        <v>393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1" t="s">
        <v>7</v>
      </c>
      <c r="N15" s="39">
        <v>0</v>
      </c>
      <c r="O15" s="1" t="s">
        <v>7</v>
      </c>
      <c r="P15" s="38">
        <v>0</v>
      </c>
      <c r="Q15" s="38">
        <v>0</v>
      </c>
      <c r="R15" s="1" t="s">
        <v>7</v>
      </c>
    </row>
    <row r="16" spans="2:18" x14ac:dyDescent="0.2">
      <c r="B16" s="1" t="s">
        <v>98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8">
        <v>0</v>
      </c>
      <c r="K16" s="38">
        <v>0</v>
      </c>
      <c r="L16" s="1" t="s">
        <v>7</v>
      </c>
      <c r="M16" s="1" t="s">
        <v>7</v>
      </c>
      <c r="N16" s="39">
        <v>0</v>
      </c>
      <c r="O16" s="1" t="s">
        <v>7</v>
      </c>
      <c r="P16" s="38">
        <v>0</v>
      </c>
      <c r="Q16" s="38">
        <v>0</v>
      </c>
      <c r="R16" s="1" t="s">
        <v>7</v>
      </c>
    </row>
    <row r="17" spans="2:18" x14ac:dyDescent="0.2">
      <c r="B17" s="1" t="s">
        <v>391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1" t="s">
        <v>7</v>
      </c>
      <c r="M17" s="1" t="s">
        <v>7</v>
      </c>
      <c r="N17" s="39">
        <v>0</v>
      </c>
      <c r="O17" s="1" t="s">
        <v>7</v>
      </c>
      <c r="P17" s="38">
        <v>0</v>
      </c>
      <c r="Q17" s="38">
        <v>0</v>
      </c>
      <c r="R17" s="1" t="s">
        <v>7</v>
      </c>
    </row>
    <row r="18" spans="2:18" x14ac:dyDescent="0.2">
      <c r="B18" s="1" t="s">
        <v>392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1" t="s">
        <v>7</v>
      </c>
      <c r="M18" s="1" t="s">
        <v>7</v>
      </c>
      <c r="N18" s="39">
        <v>0</v>
      </c>
      <c r="O18" s="1" t="s">
        <v>7</v>
      </c>
      <c r="P18" s="38">
        <v>0</v>
      </c>
      <c r="Q18" s="38">
        <v>0</v>
      </c>
      <c r="R18" s="1" t="s">
        <v>7</v>
      </c>
    </row>
    <row r="19" spans="2:18" x14ac:dyDescent="0.2">
      <c r="B19" s="1" t="s">
        <v>393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8">
        <v>0</v>
      </c>
      <c r="K19" s="38">
        <v>0</v>
      </c>
      <c r="L19" s="1" t="s">
        <v>7</v>
      </c>
      <c r="M19" s="1" t="s">
        <v>7</v>
      </c>
      <c r="N19" s="39">
        <v>0</v>
      </c>
      <c r="O19" s="1" t="s">
        <v>7</v>
      </c>
      <c r="P19" s="38">
        <v>0</v>
      </c>
      <c r="Q19" s="38">
        <v>0</v>
      </c>
      <c r="R19" s="1" t="s">
        <v>7</v>
      </c>
    </row>
    <row r="20" spans="2:18" x14ac:dyDescent="0.2">
      <c r="B20" s="36" t="s">
        <v>100</v>
      </c>
    </row>
    <row r="21" spans="2:18" x14ac:dyDescent="0.2">
      <c r="B21" s="36" t="s">
        <v>126</v>
      </c>
    </row>
    <row r="22" spans="2:18" x14ac:dyDescent="0.2">
      <c r="B22" s="66" t="s">
        <v>59</v>
      </c>
      <c r="C22" s="46"/>
      <c r="D22" s="46"/>
      <c r="E22" s="46"/>
      <c r="F22" s="46"/>
      <c r="G22" s="46"/>
      <c r="H22" s="46"/>
      <c r="I22" s="46"/>
      <c r="J22" s="46"/>
      <c r="K22" s="46"/>
      <c r="L22" s="46"/>
      <c r="M22" s="46"/>
      <c r="N22" s="46"/>
      <c r="O22" s="46"/>
      <c r="P22" s="46"/>
      <c r="Q22" s="46"/>
      <c r="R22" s="46"/>
    </row>
  </sheetData>
  <mergeCells count="1">
    <mergeCell ref="B22:R22"/>
  </mergeCells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30"/>
  <sheetViews>
    <sheetView rightToLeft="1" topLeftCell="A13" workbookViewId="0">
      <selection activeCell="L10" sqref="L10"/>
    </sheetView>
  </sheetViews>
  <sheetFormatPr defaultRowHeight="14.25" x14ac:dyDescent="0.2"/>
  <cols>
    <col min="1" max="1" width="3" customWidth="1"/>
    <col min="2" max="2" width="39" customWidth="1"/>
    <col min="3" max="3" width="18" customWidth="1"/>
    <col min="4" max="5" width="12" customWidth="1"/>
    <col min="6" max="6" width="7" customWidth="1"/>
    <col min="7" max="7" width="13" customWidth="1"/>
    <col min="8" max="8" width="9" customWidth="1"/>
    <col min="9" max="9" width="6" customWidth="1"/>
    <col min="10" max="11" width="10" customWidth="1"/>
    <col min="12" max="12" width="19" customWidth="1"/>
    <col min="13" max="13" width="15" customWidth="1"/>
    <col min="14" max="14" width="14" customWidth="1"/>
    <col min="15" max="15" width="8" customWidth="1"/>
    <col min="16" max="16" width="11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1526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43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1" t="s">
        <v>61</v>
      </c>
      <c r="C7" s="1" t="s">
        <v>439</v>
      </c>
      <c r="D7" s="1" t="s">
        <v>62</v>
      </c>
      <c r="E7" s="1" t="s">
        <v>63</v>
      </c>
      <c r="F7" s="1" t="s">
        <v>64</v>
      </c>
      <c r="G7" s="1" t="s">
        <v>104</v>
      </c>
      <c r="H7" s="1" t="s">
        <v>65</v>
      </c>
      <c r="I7" s="1" t="s">
        <v>105</v>
      </c>
      <c r="J7" s="1" t="s">
        <v>129</v>
      </c>
      <c r="K7" s="1" t="s">
        <v>66</v>
      </c>
      <c r="L7" s="1" t="s">
        <v>440</v>
      </c>
      <c r="M7" s="1" t="s">
        <v>68</v>
      </c>
      <c r="N7" s="1" t="s">
        <v>106</v>
      </c>
      <c r="O7" s="1" t="s">
        <v>107</v>
      </c>
      <c r="P7" s="1" t="s">
        <v>9</v>
      </c>
      <c r="Q7" s="1" t="s">
        <v>70</v>
      </c>
      <c r="R7" s="1" t="s">
        <v>110</v>
      </c>
      <c r="S7" s="1" t="s">
        <v>7</v>
      </c>
    </row>
    <row r="8" spans="2:19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0</v>
      </c>
      <c r="H8" s="1" t="s">
        <v>7</v>
      </c>
      <c r="I8" s="1" t="s">
        <v>111</v>
      </c>
      <c r="J8" s="1" t="s">
        <v>7</v>
      </c>
      <c r="K8" s="1" t="s">
        <v>7</v>
      </c>
      <c r="L8" s="1" t="s">
        <v>12</v>
      </c>
      <c r="M8" s="1" t="s">
        <v>12</v>
      </c>
      <c r="N8" s="1" t="s">
        <v>141</v>
      </c>
      <c r="O8" s="1" t="s">
        <v>7</v>
      </c>
      <c r="P8" s="1" t="s">
        <v>11</v>
      </c>
      <c r="Q8" s="1" t="s">
        <v>12</v>
      </c>
      <c r="R8" s="1" t="s">
        <v>12</v>
      </c>
      <c r="S8" s="1" t="s">
        <v>7</v>
      </c>
    </row>
    <row r="9" spans="2:19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4</v>
      </c>
      <c r="N9" s="1" t="s">
        <v>115</v>
      </c>
      <c r="O9" s="1" t="s">
        <v>116</v>
      </c>
      <c r="P9" s="1" t="s">
        <v>117</v>
      </c>
      <c r="Q9" s="1" t="s">
        <v>118</v>
      </c>
      <c r="R9" s="1" t="s">
        <v>119</v>
      </c>
      <c r="S9" s="1" t="s">
        <v>7</v>
      </c>
    </row>
    <row r="10" spans="2:19" x14ac:dyDescent="0.2">
      <c r="B10" s="1" t="s">
        <v>441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1.65</v>
      </c>
      <c r="J10" s="1" t="s">
        <v>7</v>
      </c>
      <c r="K10" s="1" t="s">
        <v>7</v>
      </c>
      <c r="L10" s="38">
        <v>1.5900000000000001E-2</v>
      </c>
      <c r="M10" s="38">
        <v>1.55E-2</v>
      </c>
      <c r="N10" s="1" t="s">
        <v>7</v>
      </c>
      <c r="O10" s="1" t="s">
        <v>7</v>
      </c>
      <c r="P10" s="39">
        <v>1103.1300000000001</v>
      </c>
      <c r="Q10" s="38">
        <v>1</v>
      </c>
      <c r="R10" s="38">
        <v>3.78E-2</v>
      </c>
      <c r="S10" s="1" t="s">
        <v>7</v>
      </c>
    </row>
    <row r="11" spans="2:19" x14ac:dyDescent="0.2">
      <c r="B11" s="1" t="s">
        <v>44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1.65</v>
      </c>
      <c r="J11" s="1" t="s">
        <v>7</v>
      </c>
      <c r="K11" s="1" t="s">
        <v>7</v>
      </c>
      <c r="L11" s="38">
        <v>1.5900000000000001E-2</v>
      </c>
      <c r="M11" s="38">
        <v>1.55E-2</v>
      </c>
      <c r="N11" s="1" t="s">
        <v>7</v>
      </c>
      <c r="O11" s="1" t="s">
        <v>7</v>
      </c>
      <c r="P11" s="39">
        <v>1103.1300000000001</v>
      </c>
      <c r="Q11" s="38">
        <v>1</v>
      </c>
      <c r="R11" s="38">
        <v>3.78E-2</v>
      </c>
      <c r="S11" s="1" t="s">
        <v>7</v>
      </c>
    </row>
    <row r="12" spans="2:19" x14ac:dyDescent="0.2">
      <c r="B12" s="1" t="s">
        <v>443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1.65</v>
      </c>
      <c r="J12" s="1" t="s">
        <v>7</v>
      </c>
      <c r="K12" s="1" t="s">
        <v>7</v>
      </c>
      <c r="L12" s="38">
        <v>1.5900000000000001E-2</v>
      </c>
      <c r="M12" s="38">
        <v>1.55E-2</v>
      </c>
      <c r="N12" s="1" t="s">
        <v>7</v>
      </c>
      <c r="O12" s="1" t="s">
        <v>7</v>
      </c>
      <c r="P12" s="39">
        <v>1103.1300000000001</v>
      </c>
      <c r="Q12" s="38">
        <v>1</v>
      </c>
      <c r="R12" s="38">
        <v>3.78E-2</v>
      </c>
      <c r="S12" s="1" t="s">
        <v>7</v>
      </c>
    </row>
    <row r="13" spans="2:19" x14ac:dyDescent="0.2">
      <c r="B13" s="40" t="s">
        <v>444</v>
      </c>
      <c r="C13" s="40" t="s">
        <v>445</v>
      </c>
      <c r="D13" s="41">
        <v>893000109</v>
      </c>
      <c r="E13" s="41">
        <v>99608</v>
      </c>
      <c r="F13" s="40" t="s">
        <v>446</v>
      </c>
      <c r="G13" s="40" t="s">
        <v>447</v>
      </c>
      <c r="H13" s="40" t="s">
        <v>448</v>
      </c>
      <c r="I13" s="43">
        <v>1.65</v>
      </c>
      <c r="J13" s="40" t="s">
        <v>150</v>
      </c>
      <c r="K13" s="40" t="s">
        <v>86</v>
      </c>
      <c r="L13" s="42">
        <v>1.5900000000000001E-2</v>
      </c>
      <c r="M13" s="42">
        <v>1.55E-2</v>
      </c>
      <c r="N13" s="43">
        <v>1069021.44</v>
      </c>
      <c r="O13" s="43">
        <v>103.19</v>
      </c>
      <c r="P13" s="43">
        <v>1103.1300000000001</v>
      </c>
      <c r="Q13" s="42">
        <v>1</v>
      </c>
      <c r="R13" s="42">
        <v>3.78E-2</v>
      </c>
      <c r="S13" s="40" t="s">
        <v>7</v>
      </c>
    </row>
    <row r="14" spans="2:19" x14ac:dyDescent="0.2">
      <c r="B14" s="1" t="s">
        <v>449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39">
        <v>0</v>
      </c>
      <c r="J14" s="1" t="s">
        <v>7</v>
      </c>
      <c r="K14" s="1" t="s">
        <v>7</v>
      </c>
      <c r="L14" s="38">
        <v>0</v>
      </c>
      <c r="M14" s="38">
        <v>0</v>
      </c>
      <c r="N14" s="1" t="s">
        <v>7</v>
      </c>
      <c r="O14" s="1" t="s">
        <v>7</v>
      </c>
      <c r="P14" s="39">
        <v>0</v>
      </c>
      <c r="Q14" s="38">
        <v>0</v>
      </c>
      <c r="R14" s="38">
        <v>0</v>
      </c>
      <c r="S14" s="1" t="s">
        <v>7</v>
      </c>
    </row>
    <row r="15" spans="2:19" x14ac:dyDescent="0.2">
      <c r="B15" s="1" t="s">
        <v>450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39">
        <v>0</v>
      </c>
      <c r="J15" s="1" t="s">
        <v>7</v>
      </c>
      <c r="K15" s="1" t="s">
        <v>7</v>
      </c>
      <c r="L15" s="38">
        <v>0</v>
      </c>
      <c r="M15" s="38">
        <v>0</v>
      </c>
      <c r="N15" s="1" t="s">
        <v>7</v>
      </c>
      <c r="O15" s="1" t="s">
        <v>7</v>
      </c>
      <c r="P15" s="39">
        <v>0</v>
      </c>
      <c r="Q15" s="38">
        <v>0</v>
      </c>
      <c r="R15" s="38">
        <v>0</v>
      </c>
      <c r="S15" s="1" t="s">
        <v>7</v>
      </c>
    </row>
    <row r="16" spans="2:19" x14ac:dyDescent="0.2">
      <c r="B16" s="1" t="s">
        <v>451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39">
        <v>0</v>
      </c>
      <c r="J16" s="1" t="s">
        <v>7</v>
      </c>
      <c r="K16" s="1" t="s">
        <v>7</v>
      </c>
      <c r="L16" s="38">
        <v>0</v>
      </c>
      <c r="M16" s="38">
        <v>0</v>
      </c>
      <c r="N16" s="1" t="s">
        <v>7</v>
      </c>
      <c r="O16" s="1" t="s">
        <v>7</v>
      </c>
      <c r="P16" s="39">
        <v>0</v>
      </c>
      <c r="Q16" s="38">
        <v>0</v>
      </c>
      <c r="R16" s="38">
        <v>0</v>
      </c>
      <c r="S16" s="1" t="s">
        <v>7</v>
      </c>
    </row>
    <row r="17" spans="2:19" x14ac:dyDescent="0.2">
      <c r="B17" s="1" t="s">
        <v>452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39">
        <v>0</v>
      </c>
      <c r="J17" s="1" t="s">
        <v>7</v>
      </c>
      <c r="K17" s="1" t="s">
        <v>7</v>
      </c>
      <c r="L17" s="38">
        <v>0</v>
      </c>
      <c r="M17" s="38">
        <v>0</v>
      </c>
      <c r="N17" s="1" t="s">
        <v>7</v>
      </c>
      <c r="O17" s="1" t="s">
        <v>7</v>
      </c>
      <c r="P17" s="39">
        <v>0</v>
      </c>
      <c r="Q17" s="38">
        <v>0</v>
      </c>
      <c r="R17" s="38">
        <v>0</v>
      </c>
      <c r="S17" s="1" t="s">
        <v>7</v>
      </c>
    </row>
    <row r="18" spans="2:19" x14ac:dyDescent="0.2">
      <c r="B18" s="1" t="s">
        <v>453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39">
        <v>0</v>
      </c>
      <c r="J18" s="1" t="s">
        <v>7</v>
      </c>
      <c r="K18" s="1" t="s">
        <v>7</v>
      </c>
      <c r="L18" s="38">
        <v>0</v>
      </c>
      <c r="M18" s="38">
        <v>0</v>
      </c>
      <c r="N18" s="1" t="s">
        <v>7</v>
      </c>
      <c r="O18" s="1" t="s">
        <v>7</v>
      </c>
      <c r="P18" s="39">
        <v>0</v>
      </c>
      <c r="Q18" s="38">
        <v>0</v>
      </c>
      <c r="R18" s="38">
        <v>0</v>
      </c>
      <c r="S18" s="1" t="s">
        <v>7</v>
      </c>
    </row>
    <row r="19" spans="2:19" x14ac:dyDescent="0.2">
      <c r="B19" s="1" t="s">
        <v>454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1" t="s">
        <v>7</v>
      </c>
      <c r="L19" s="1" t="s">
        <v>7</v>
      </c>
      <c r="M19" s="1" t="s">
        <v>7</v>
      </c>
      <c r="N19" s="1" t="s">
        <v>7</v>
      </c>
      <c r="O19" s="1" t="s">
        <v>7</v>
      </c>
      <c r="P19" s="1" t="s">
        <v>7</v>
      </c>
      <c r="Q19" s="1" t="s">
        <v>7</v>
      </c>
      <c r="R19" s="1" t="s">
        <v>7</v>
      </c>
      <c r="S19" s="1" t="s">
        <v>7</v>
      </c>
    </row>
    <row r="20" spans="2:19" x14ac:dyDescent="0.2">
      <c r="B20" s="1" t="s">
        <v>455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1" t="s">
        <v>7</v>
      </c>
      <c r="K20" s="1" t="s">
        <v>7</v>
      </c>
      <c r="L20" s="1" t="s">
        <v>7</v>
      </c>
      <c r="M20" s="1" t="s">
        <v>7</v>
      </c>
      <c r="N20" s="1" t="s">
        <v>7</v>
      </c>
      <c r="O20" s="1" t="s">
        <v>7</v>
      </c>
      <c r="P20" s="1" t="s">
        <v>7</v>
      </c>
      <c r="Q20" s="1" t="s">
        <v>7</v>
      </c>
      <c r="R20" s="1" t="s">
        <v>7</v>
      </c>
      <c r="S20" s="1" t="s">
        <v>7</v>
      </c>
    </row>
    <row r="21" spans="2:19" x14ac:dyDescent="0.2">
      <c r="B21" s="1" t="s">
        <v>456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39">
        <v>0</v>
      </c>
      <c r="J21" s="1" t="s">
        <v>7</v>
      </c>
      <c r="K21" s="1" t="s">
        <v>7</v>
      </c>
      <c r="L21" s="38">
        <v>0</v>
      </c>
      <c r="M21" s="38">
        <v>0</v>
      </c>
      <c r="N21" s="1" t="s">
        <v>7</v>
      </c>
      <c r="O21" s="1" t="s">
        <v>7</v>
      </c>
      <c r="P21" s="39">
        <v>0</v>
      </c>
      <c r="Q21" s="38">
        <v>0</v>
      </c>
      <c r="R21" s="38">
        <v>0</v>
      </c>
      <c r="S21" s="1" t="s">
        <v>7</v>
      </c>
    </row>
    <row r="22" spans="2:19" x14ac:dyDescent="0.2">
      <c r="B22" s="1" t="s">
        <v>457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1" t="s">
        <v>7</v>
      </c>
      <c r="I22" s="39">
        <v>0</v>
      </c>
      <c r="J22" s="1" t="s">
        <v>7</v>
      </c>
      <c r="K22" s="1" t="s">
        <v>7</v>
      </c>
      <c r="L22" s="38">
        <v>0</v>
      </c>
      <c r="M22" s="38">
        <v>0</v>
      </c>
      <c r="N22" s="1" t="s">
        <v>7</v>
      </c>
      <c r="O22" s="1" t="s">
        <v>7</v>
      </c>
      <c r="P22" s="39">
        <v>0</v>
      </c>
      <c r="Q22" s="38">
        <v>0</v>
      </c>
      <c r="R22" s="38">
        <v>0</v>
      </c>
      <c r="S22" s="1" t="s">
        <v>7</v>
      </c>
    </row>
    <row r="23" spans="2:19" x14ac:dyDescent="0.2">
      <c r="B23" s="1" t="s">
        <v>458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1" t="s">
        <v>7</v>
      </c>
      <c r="I23" s="39">
        <v>0</v>
      </c>
      <c r="J23" s="1" t="s">
        <v>7</v>
      </c>
      <c r="K23" s="1" t="s">
        <v>7</v>
      </c>
      <c r="L23" s="38">
        <v>0</v>
      </c>
      <c r="M23" s="38">
        <v>0</v>
      </c>
      <c r="N23" s="1" t="s">
        <v>7</v>
      </c>
      <c r="O23" s="1" t="s">
        <v>7</v>
      </c>
      <c r="P23" s="39">
        <v>0</v>
      </c>
      <c r="Q23" s="38">
        <v>0</v>
      </c>
      <c r="R23" s="38">
        <v>0</v>
      </c>
      <c r="S23" s="1" t="s">
        <v>7</v>
      </c>
    </row>
    <row r="24" spans="2:19" x14ac:dyDescent="0.2">
      <c r="B24" s="1" t="s">
        <v>449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1" t="s">
        <v>7</v>
      </c>
      <c r="I24" s="39">
        <v>0</v>
      </c>
      <c r="J24" s="1" t="s">
        <v>7</v>
      </c>
      <c r="K24" s="1" t="s">
        <v>7</v>
      </c>
      <c r="L24" s="38">
        <v>0</v>
      </c>
      <c r="M24" s="38">
        <v>0</v>
      </c>
      <c r="N24" s="1" t="s">
        <v>7</v>
      </c>
      <c r="O24" s="1" t="s">
        <v>7</v>
      </c>
      <c r="P24" s="39">
        <v>0</v>
      </c>
      <c r="Q24" s="38">
        <v>0</v>
      </c>
      <c r="R24" s="38">
        <v>0</v>
      </c>
      <c r="S24" s="1" t="s">
        <v>7</v>
      </c>
    </row>
    <row r="25" spans="2:19" x14ac:dyDescent="0.2">
      <c r="B25" s="1" t="s">
        <v>450</v>
      </c>
      <c r="C25" s="1" t="s">
        <v>7</v>
      </c>
      <c r="D25" s="1" t="s">
        <v>7</v>
      </c>
      <c r="E25" s="1" t="s">
        <v>7</v>
      </c>
      <c r="F25" s="1" t="s">
        <v>7</v>
      </c>
      <c r="G25" s="1" t="s">
        <v>7</v>
      </c>
      <c r="H25" s="1" t="s">
        <v>7</v>
      </c>
      <c r="I25" s="39">
        <v>0</v>
      </c>
      <c r="J25" s="1" t="s">
        <v>7</v>
      </c>
      <c r="K25" s="1" t="s">
        <v>7</v>
      </c>
      <c r="L25" s="38">
        <v>0</v>
      </c>
      <c r="M25" s="38">
        <v>0</v>
      </c>
      <c r="N25" s="1" t="s">
        <v>7</v>
      </c>
      <c r="O25" s="1" t="s">
        <v>7</v>
      </c>
      <c r="P25" s="39">
        <v>0</v>
      </c>
      <c r="Q25" s="38">
        <v>0</v>
      </c>
      <c r="R25" s="38">
        <v>0</v>
      </c>
      <c r="S25" s="1" t="s">
        <v>7</v>
      </c>
    </row>
    <row r="26" spans="2:19" x14ac:dyDescent="0.2">
      <c r="B26" s="1" t="s">
        <v>451</v>
      </c>
      <c r="C26" s="1" t="s">
        <v>7</v>
      </c>
      <c r="D26" s="1" t="s">
        <v>7</v>
      </c>
      <c r="E26" s="1" t="s">
        <v>7</v>
      </c>
      <c r="F26" s="1" t="s">
        <v>7</v>
      </c>
      <c r="G26" s="1" t="s">
        <v>7</v>
      </c>
      <c r="H26" s="1" t="s">
        <v>7</v>
      </c>
      <c r="I26" s="39">
        <v>0</v>
      </c>
      <c r="J26" s="1" t="s">
        <v>7</v>
      </c>
      <c r="K26" s="1" t="s">
        <v>7</v>
      </c>
      <c r="L26" s="38">
        <v>0</v>
      </c>
      <c r="M26" s="38">
        <v>0</v>
      </c>
      <c r="N26" s="1" t="s">
        <v>7</v>
      </c>
      <c r="O26" s="1" t="s">
        <v>7</v>
      </c>
      <c r="P26" s="39">
        <v>0</v>
      </c>
      <c r="Q26" s="38">
        <v>0</v>
      </c>
      <c r="R26" s="38">
        <v>0</v>
      </c>
      <c r="S26" s="1" t="s">
        <v>7</v>
      </c>
    </row>
    <row r="27" spans="2:19" x14ac:dyDescent="0.2">
      <c r="B27" s="1" t="s">
        <v>457</v>
      </c>
      <c r="C27" s="1" t="s">
        <v>7</v>
      </c>
      <c r="D27" s="1" t="s">
        <v>7</v>
      </c>
      <c r="E27" s="1" t="s">
        <v>7</v>
      </c>
      <c r="F27" s="1" t="s">
        <v>7</v>
      </c>
      <c r="G27" s="1" t="s">
        <v>7</v>
      </c>
      <c r="H27" s="1" t="s">
        <v>7</v>
      </c>
      <c r="I27" s="39">
        <v>0</v>
      </c>
      <c r="J27" s="1" t="s">
        <v>7</v>
      </c>
      <c r="K27" s="1" t="s">
        <v>7</v>
      </c>
      <c r="L27" s="38">
        <v>0</v>
      </c>
      <c r="M27" s="38">
        <v>0</v>
      </c>
      <c r="N27" s="1" t="s">
        <v>7</v>
      </c>
      <c r="O27" s="1" t="s">
        <v>7</v>
      </c>
      <c r="P27" s="39">
        <v>0</v>
      </c>
      <c r="Q27" s="38">
        <v>0</v>
      </c>
      <c r="R27" s="38">
        <v>0</v>
      </c>
      <c r="S27" s="1" t="s">
        <v>7</v>
      </c>
    </row>
    <row r="28" spans="2:19" x14ac:dyDescent="0.2">
      <c r="B28" s="36" t="s">
        <v>100</v>
      </c>
    </row>
    <row r="29" spans="2:19" x14ac:dyDescent="0.2">
      <c r="B29" s="36" t="s">
        <v>126</v>
      </c>
    </row>
    <row r="30" spans="2:19" x14ac:dyDescent="0.2">
      <c r="B30" s="67" t="s">
        <v>59</v>
      </c>
      <c r="C30" s="46"/>
      <c r="D30" s="46"/>
      <c r="E30" s="46"/>
      <c r="F30" s="46"/>
      <c r="G30" s="46"/>
      <c r="H30" s="46"/>
      <c r="I30" s="46"/>
      <c r="J30" s="46"/>
      <c r="K30" s="46"/>
      <c r="L30" s="46"/>
      <c r="M30" s="46"/>
      <c r="N30" s="46"/>
      <c r="O30" s="46"/>
      <c r="P30" s="46"/>
      <c r="Q30" s="46"/>
      <c r="R30" s="46"/>
      <c r="S30" s="46"/>
    </row>
  </sheetData>
  <mergeCells count="1">
    <mergeCell ref="B30:S30"/>
  </mergeCells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0"/>
  <sheetViews>
    <sheetView rightToLeft="1" topLeftCell="A4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2" customWidth="1"/>
    <col min="5" max="5" width="7" customWidth="1"/>
    <col min="6" max="6" width="9" customWidth="1"/>
    <col min="7" max="7" width="6" customWidth="1"/>
    <col min="8" max="8" width="10" customWidth="1"/>
    <col min="9" max="9" width="19" customWidth="1"/>
    <col min="10" max="10" width="15" customWidth="1"/>
    <col min="11" max="11" width="10" customWidth="1"/>
    <col min="12" max="12" width="8" customWidth="1"/>
    <col min="13" max="13" width="11" customWidth="1"/>
    <col min="14" max="14" width="24" customWidth="1"/>
    <col min="15" max="15" width="23" customWidth="1"/>
    <col min="16" max="16" width="2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152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459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61</v>
      </c>
      <c r="C7" s="1" t="s">
        <v>62</v>
      </c>
      <c r="D7" s="1" t="s">
        <v>63</v>
      </c>
      <c r="E7" s="1" t="s">
        <v>64</v>
      </c>
      <c r="F7" s="1" t="s">
        <v>65</v>
      </c>
      <c r="G7" s="1" t="s">
        <v>105</v>
      </c>
      <c r="H7" s="1" t="s">
        <v>66</v>
      </c>
      <c r="I7" s="1" t="s">
        <v>460</v>
      </c>
      <c r="J7" s="1" t="s">
        <v>68</v>
      </c>
      <c r="K7" s="1" t="s">
        <v>106</v>
      </c>
      <c r="L7" s="1" t="s">
        <v>107</v>
      </c>
      <c r="M7" s="1" t="s">
        <v>9</v>
      </c>
      <c r="N7" s="1" t="s">
        <v>70</v>
      </c>
      <c r="O7" s="1" t="s">
        <v>110</v>
      </c>
      <c r="P7" s="1" t="s">
        <v>7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11</v>
      </c>
      <c r="H8" s="1" t="s">
        <v>7</v>
      </c>
      <c r="I8" s="1" t="s">
        <v>12</v>
      </c>
      <c r="J8" s="1" t="s">
        <v>12</v>
      </c>
      <c r="K8" s="1" t="s">
        <v>112</v>
      </c>
      <c r="L8" s="1" t="s">
        <v>113</v>
      </c>
      <c r="M8" s="1" t="s">
        <v>11</v>
      </c>
      <c r="N8" s="1" t="s">
        <v>12</v>
      </c>
      <c r="O8" s="1" t="s">
        <v>12</v>
      </c>
      <c r="P8" s="1" t="s">
        <v>7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4</v>
      </c>
      <c r="N9" s="1" t="s">
        <v>115</v>
      </c>
      <c r="O9" s="1" t="s">
        <v>116</v>
      </c>
      <c r="P9" s="1" t="s">
        <v>7</v>
      </c>
    </row>
    <row r="10" spans="2:16" x14ac:dyDescent="0.2">
      <c r="B10" s="1" t="s">
        <v>461</v>
      </c>
      <c r="C10" s="1" t="s">
        <v>7</v>
      </c>
      <c r="D10" s="1" t="s">
        <v>7</v>
      </c>
      <c r="E10" s="1" t="s">
        <v>7</v>
      </c>
      <c r="F10" s="1" t="s">
        <v>7</v>
      </c>
      <c r="G10" s="39">
        <v>0</v>
      </c>
      <c r="H10" s="1" t="s">
        <v>7</v>
      </c>
      <c r="I10" s="38">
        <v>0</v>
      </c>
      <c r="J10" s="38">
        <v>0</v>
      </c>
      <c r="K10" s="1" t="s">
        <v>7</v>
      </c>
      <c r="L10" s="1" t="s">
        <v>7</v>
      </c>
      <c r="M10" s="39">
        <v>0</v>
      </c>
      <c r="N10" s="38">
        <v>0</v>
      </c>
      <c r="O10" s="38">
        <v>0</v>
      </c>
      <c r="P10" s="1" t="s">
        <v>7</v>
      </c>
    </row>
    <row r="11" spans="2:16" x14ac:dyDescent="0.2">
      <c r="B11" s="1" t="s">
        <v>81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0</v>
      </c>
      <c r="H11" s="1" t="s">
        <v>7</v>
      </c>
      <c r="I11" s="38">
        <v>0</v>
      </c>
      <c r="J11" s="38">
        <v>0</v>
      </c>
      <c r="K11" s="1" t="s">
        <v>7</v>
      </c>
      <c r="L11" s="1" t="s">
        <v>7</v>
      </c>
      <c r="M11" s="39">
        <v>0</v>
      </c>
      <c r="N11" s="38">
        <v>0</v>
      </c>
      <c r="O11" s="38">
        <v>0</v>
      </c>
      <c r="P11" s="1" t="s">
        <v>7</v>
      </c>
    </row>
    <row r="12" spans="2:16" x14ac:dyDescent="0.2">
      <c r="B12" s="1" t="s">
        <v>462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0</v>
      </c>
      <c r="H12" s="1" t="s">
        <v>7</v>
      </c>
      <c r="I12" s="38">
        <v>0</v>
      </c>
      <c r="J12" s="38">
        <v>0</v>
      </c>
      <c r="K12" s="1" t="s">
        <v>7</v>
      </c>
      <c r="L12" s="1" t="s">
        <v>7</v>
      </c>
      <c r="M12" s="39">
        <v>0</v>
      </c>
      <c r="N12" s="38">
        <v>0</v>
      </c>
      <c r="O12" s="38">
        <v>0</v>
      </c>
      <c r="P12" s="1" t="s">
        <v>7</v>
      </c>
    </row>
    <row r="13" spans="2:16" x14ac:dyDescent="0.2">
      <c r="B13" s="1" t="s">
        <v>398</v>
      </c>
      <c r="C13" s="1" t="s">
        <v>7</v>
      </c>
      <c r="D13" s="1" t="s">
        <v>7</v>
      </c>
      <c r="E13" s="1" t="s">
        <v>7</v>
      </c>
      <c r="F13" s="1" t="s">
        <v>7</v>
      </c>
      <c r="G13" s="39">
        <v>0</v>
      </c>
      <c r="H13" s="1" t="s">
        <v>7</v>
      </c>
      <c r="I13" s="38">
        <v>0</v>
      </c>
      <c r="J13" s="38">
        <v>0</v>
      </c>
      <c r="K13" s="1" t="s">
        <v>7</v>
      </c>
      <c r="L13" s="1" t="s">
        <v>7</v>
      </c>
      <c r="M13" s="39">
        <v>0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463</v>
      </c>
      <c r="C14" s="1" t="s">
        <v>7</v>
      </c>
      <c r="D14" s="1" t="s">
        <v>7</v>
      </c>
      <c r="E14" s="1" t="s">
        <v>7</v>
      </c>
      <c r="F14" s="1" t="s">
        <v>7</v>
      </c>
      <c r="G14" s="39">
        <v>0</v>
      </c>
      <c r="H14" s="1" t="s">
        <v>7</v>
      </c>
      <c r="I14" s="38">
        <v>0</v>
      </c>
      <c r="J14" s="38">
        <v>0</v>
      </c>
      <c r="K14" s="1" t="s">
        <v>7</v>
      </c>
      <c r="L14" s="1" t="s">
        <v>7</v>
      </c>
      <c r="M14" s="39">
        <v>0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464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8">
        <v>0</v>
      </c>
      <c r="J15" s="38">
        <v>0</v>
      </c>
      <c r="K15" s="1" t="s">
        <v>7</v>
      </c>
      <c r="L15" s="1" t="s">
        <v>7</v>
      </c>
      <c r="M15" s="39">
        <v>0</v>
      </c>
      <c r="N15" s="38">
        <v>0</v>
      </c>
      <c r="O15" s="38">
        <v>0</v>
      </c>
      <c r="P15" s="1" t="s">
        <v>7</v>
      </c>
    </row>
    <row r="16" spans="2:16" x14ac:dyDescent="0.2">
      <c r="B16" s="1" t="s">
        <v>301</v>
      </c>
      <c r="C16" s="1" t="s">
        <v>7</v>
      </c>
      <c r="D16" s="1" t="s">
        <v>7</v>
      </c>
      <c r="E16" s="1" t="s">
        <v>7</v>
      </c>
      <c r="F16" s="1" t="s">
        <v>7</v>
      </c>
      <c r="G16" s="39">
        <v>0</v>
      </c>
      <c r="H16" s="1" t="s">
        <v>7</v>
      </c>
      <c r="I16" s="38">
        <v>0</v>
      </c>
      <c r="J16" s="38">
        <v>0</v>
      </c>
      <c r="K16" s="1" t="s">
        <v>7</v>
      </c>
      <c r="L16" s="1" t="s">
        <v>7</v>
      </c>
      <c r="M16" s="39">
        <v>0</v>
      </c>
      <c r="N16" s="38">
        <v>0</v>
      </c>
      <c r="O16" s="38">
        <v>0</v>
      </c>
      <c r="P16" s="1" t="s">
        <v>7</v>
      </c>
    </row>
    <row r="17" spans="2:16" x14ac:dyDescent="0.2">
      <c r="B17" s="1" t="s">
        <v>138</v>
      </c>
      <c r="C17" s="1" t="s">
        <v>7</v>
      </c>
      <c r="D17" s="1" t="s">
        <v>7</v>
      </c>
      <c r="E17" s="1" t="s">
        <v>7</v>
      </c>
      <c r="F17" s="1" t="s">
        <v>7</v>
      </c>
      <c r="G17" s="39">
        <v>0</v>
      </c>
      <c r="H17" s="1" t="s">
        <v>7</v>
      </c>
      <c r="I17" s="38">
        <v>0</v>
      </c>
      <c r="J17" s="38">
        <v>0</v>
      </c>
      <c r="K17" s="1" t="s">
        <v>7</v>
      </c>
      <c r="L17" s="1" t="s">
        <v>7</v>
      </c>
      <c r="M17" s="39">
        <v>0</v>
      </c>
      <c r="N17" s="38">
        <v>0</v>
      </c>
      <c r="O17" s="38">
        <v>0</v>
      </c>
      <c r="P17" s="1" t="s">
        <v>7</v>
      </c>
    </row>
    <row r="18" spans="2:16" x14ac:dyDescent="0.2">
      <c r="B18" s="36" t="s">
        <v>100</v>
      </c>
    </row>
    <row r="19" spans="2:16" x14ac:dyDescent="0.2">
      <c r="B19" s="36" t="s">
        <v>126</v>
      </c>
    </row>
    <row r="20" spans="2:16" x14ac:dyDescent="0.2">
      <c r="B20" s="68" t="s">
        <v>59</v>
      </c>
      <c r="C20" s="46"/>
      <c r="D20" s="46"/>
      <c r="E20" s="46"/>
      <c r="F20" s="46"/>
      <c r="G20" s="46"/>
      <c r="H20" s="46"/>
      <c r="I20" s="46"/>
      <c r="J20" s="46"/>
      <c r="K20" s="46"/>
      <c r="L20" s="46"/>
      <c r="M20" s="46"/>
      <c r="N20" s="46"/>
      <c r="O20" s="46"/>
      <c r="P20" s="46"/>
    </row>
  </sheetData>
  <mergeCells count="1">
    <mergeCell ref="B20:P20"/>
  </mergeCells>
  <pageMargins left="0.7" right="0.7" top="0.75" bottom="0.75" header="0.3" footer="0.3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19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9" customWidth="1"/>
    <col min="4" max="4" width="11" customWidth="1"/>
    <col min="5" max="5" width="25" customWidth="1"/>
    <col min="6" max="6" width="10" customWidth="1"/>
    <col min="7" max="7" width="13" customWidth="1"/>
    <col min="8" max="8" width="24" customWidth="1"/>
    <col min="9" max="9" width="23" customWidth="1"/>
    <col min="10" max="10" width="12" customWidth="1"/>
    <col min="11" max="12" width="2" customWidth="1"/>
  </cols>
  <sheetData>
    <row r="1" spans="2:12" x14ac:dyDescent="0.2">
      <c r="B1" s="37" t="s">
        <v>0</v>
      </c>
      <c r="C1" s="37" t="s">
        <v>1</v>
      </c>
    </row>
    <row r="2" spans="2:12" x14ac:dyDescent="0.2">
      <c r="B2" s="37" t="s">
        <v>2</v>
      </c>
      <c r="C2" s="37" t="s">
        <v>3</v>
      </c>
    </row>
    <row r="3" spans="2:12" x14ac:dyDescent="0.2">
      <c r="B3" s="37" t="s">
        <v>4</v>
      </c>
      <c r="C3" s="37" t="s">
        <v>5</v>
      </c>
    </row>
    <row r="4" spans="2:12" x14ac:dyDescent="0.2">
      <c r="B4" s="37" t="s">
        <v>6</v>
      </c>
      <c r="C4" s="37">
        <v>1526</v>
      </c>
    </row>
    <row r="5" spans="2:12" x14ac:dyDescent="0.2">
      <c r="B5" s="37" t="s">
        <v>7</v>
      </c>
      <c r="C5" s="37" t="s">
        <v>7</v>
      </c>
    </row>
    <row r="6" spans="2:12" x14ac:dyDescent="0.2">
      <c r="B6" s="3" t="s">
        <v>46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2:12" x14ac:dyDescent="0.2">
      <c r="B7" s="1" t="s">
        <v>61</v>
      </c>
      <c r="C7" s="1" t="s">
        <v>466</v>
      </c>
      <c r="D7" s="1" t="s">
        <v>467</v>
      </c>
      <c r="E7" s="1" t="s">
        <v>468</v>
      </c>
      <c r="F7" s="1" t="s">
        <v>66</v>
      </c>
      <c r="G7" s="1" t="s">
        <v>469</v>
      </c>
      <c r="H7" s="1" t="s">
        <v>70</v>
      </c>
      <c r="I7" s="1" t="s">
        <v>110</v>
      </c>
      <c r="J7" s="1" t="s">
        <v>470</v>
      </c>
      <c r="K7" s="1" t="s">
        <v>7</v>
      </c>
      <c r="L7" s="1" t="s">
        <v>7</v>
      </c>
    </row>
    <row r="8" spans="2:12" x14ac:dyDescent="0.2">
      <c r="B8" s="1" t="s">
        <v>7</v>
      </c>
      <c r="C8" s="1" t="s">
        <v>140</v>
      </c>
      <c r="D8" s="1" t="s">
        <v>7</v>
      </c>
      <c r="E8" s="1" t="s">
        <v>12</v>
      </c>
      <c r="F8" s="1" t="s">
        <v>7</v>
      </c>
      <c r="G8" s="1" t="s">
        <v>11</v>
      </c>
      <c r="H8" s="1" t="s">
        <v>12</v>
      </c>
      <c r="I8" s="1" t="s">
        <v>12</v>
      </c>
      <c r="J8" s="1" t="s">
        <v>7</v>
      </c>
      <c r="K8" s="1" t="s">
        <v>7</v>
      </c>
      <c r="L8" s="1" t="s">
        <v>7</v>
      </c>
    </row>
    <row r="9" spans="2:12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</v>
      </c>
      <c r="L9" s="1" t="s">
        <v>7</v>
      </c>
    </row>
    <row r="10" spans="2:12" x14ac:dyDescent="0.2">
      <c r="B10" s="1" t="s">
        <v>471</v>
      </c>
      <c r="C10" s="1" t="s">
        <v>7</v>
      </c>
      <c r="D10" s="1" t="s">
        <v>7</v>
      </c>
      <c r="E10" s="38">
        <v>0</v>
      </c>
      <c r="F10" s="1" t="s">
        <v>7</v>
      </c>
      <c r="G10" s="39">
        <v>0</v>
      </c>
      <c r="H10" s="38">
        <v>0</v>
      </c>
      <c r="I10" s="38">
        <v>0</v>
      </c>
      <c r="J10" s="1" t="s">
        <v>7</v>
      </c>
      <c r="K10" s="1" t="s">
        <v>7</v>
      </c>
      <c r="L10" s="1" t="s">
        <v>7</v>
      </c>
    </row>
    <row r="11" spans="2:12" x14ac:dyDescent="0.2">
      <c r="B11" s="1" t="s">
        <v>472</v>
      </c>
      <c r="C11" s="1" t="s">
        <v>7</v>
      </c>
      <c r="D11" s="1" t="s">
        <v>7</v>
      </c>
      <c r="E11" s="38">
        <v>0</v>
      </c>
      <c r="F11" s="1" t="s">
        <v>7</v>
      </c>
      <c r="G11" s="39">
        <v>0</v>
      </c>
      <c r="H11" s="38">
        <v>0</v>
      </c>
      <c r="I11" s="38">
        <v>0</v>
      </c>
      <c r="J11" s="1" t="s">
        <v>7</v>
      </c>
      <c r="K11" s="1" t="s">
        <v>7</v>
      </c>
      <c r="L11" s="1" t="s">
        <v>7</v>
      </c>
    </row>
    <row r="12" spans="2:12" x14ac:dyDescent="0.2">
      <c r="B12" s="1" t="s">
        <v>473</v>
      </c>
      <c r="C12" s="1" t="s">
        <v>7</v>
      </c>
      <c r="D12" s="1" t="s">
        <v>7</v>
      </c>
      <c r="E12" s="38">
        <v>0</v>
      </c>
      <c r="F12" s="1" t="s">
        <v>7</v>
      </c>
      <c r="G12" s="39">
        <v>0</v>
      </c>
      <c r="H12" s="38">
        <v>0</v>
      </c>
      <c r="I12" s="38">
        <v>0</v>
      </c>
      <c r="J12" s="1" t="s">
        <v>7</v>
      </c>
      <c r="K12" s="1" t="s">
        <v>7</v>
      </c>
      <c r="L12" s="1" t="s">
        <v>7</v>
      </c>
    </row>
    <row r="13" spans="2:12" x14ac:dyDescent="0.2">
      <c r="B13" s="1" t="s">
        <v>474</v>
      </c>
      <c r="C13" s="1" t="s">
        <v>7</v>
      </c>
      <c r="D13" s="1" t="s">
        <v>7</v>
      </c>
      <c r="E13" s="38">
        <v>0</v>
      </c>
      <c r="F13" s="1" t="s">
        <v>7</v>
      </c>
      <c r="G13" s="39">
        <v>0</v>
      </c>
      <c r="H13" s="38">
        <v>0</v>
      </c>
      <c r="I13" s="38">
        <v>0</v>
      </c>
      <c r="J13" s="1" t="s">
        <v>7</v>
      </c>
      <c r="K13" s="1" t="s">
        <v>7</v>
      </c>
      <c r="L13" s="1" t="s">
        <v>7</v>
      </c>
    </row>
    <row r="14" spans="2:12" x14ac:dyDescent="0.2">
      <c r="B14" s="1" t="s">
        <v>475</v>
      </c>
      <c r="C14" s="1" t="s">
        <v>7</v>
      </c>
      <c r="D14" s="1" t="s">
        <v>7</v>
      </c>
      <c r="E14" s="38">
        <v>0</v>
      </c>
      <c r="F14" s="1" t="s">
        <v>7</v>
      </c>
      <c r="G14" s="39">
        <v>0</v>
      </c>
      <c r="H14" s="38">
        <v>0</v>
      </c>
      <c r="I14" s="38">
        <v>0</v>
      </c>
      <c r="J14" s="1" t="s">
        <v>7</v>
      </c>
      <c r="K14" s="1" t="s">
        <v>7</v>
      </c>
      <c r="L14" s="1" t="s">
        <v>7</v>
      </c>
    </row>
    <row r="15" spans="2:12" x14ac:dyDescent="0.2">
      <c r="B15" s="1" t="s">
        <v>473</v>
      </c>
      <c r="C15" s="1" t="s">
        <v>7</v>
      </c>
      <c r="D15" s="1" t="s">
        <v>7</v>
      </c>
      <c r="E15" s="38">
        <v>0</v>
      </c>
      <c r="F15" s="1" t="s">
        <v>7</v>
      </c>
      <c r="G15" s="39">
        <v>0</v>
      </c>
      <c r="H15" s="38">
        <v>0</v>
      </c>
      <c r="I15" s="38">
        <v>0</v>
      </c>
      <c r="J15" s="1" t="s">
        <v>7</v>
      </c>
      <c r="K15" s="1" t="s">
        <v>7</v>
      </c>
      <c r="L15" s="1" t="s">
        <v>7</v>
      </c>
    </row>
    <row r="16" spans="2:12" x14ac:dyDescent="0.2">
      <c r="B16" s="1" t="s">
        <v>474</v>
      </c>
      <c r="C16" s="1" t="s">
        <v>7</v>
      </c>
      <c r="D16" s="1" t="s">
        <v>7</v>
      </c>
      <c r="E16" s="38">
        <v>0</v>
      </c>
      <c r="F16" s="1" t="s">
        <v>7</v>
      </c>
      <c r="G16" s="39">
        <v>0</v>
      </c>
      <c r="H16" s="38">
        <v>0</v>
      </c>
      <c r="I16" s="38">
        <v>0</v>
      </c>
      <c r="J16" s="1" t="s">
        <v>7</v>
      </c>
      <c r="K16" s="1" t="s">
        <v>7</v>
      </c>
      <c r="L16" s="1" t="s">
        <v>7</v>
      </c>
    </row>
    <row r="17" spans="2:12" x14ac:dyDescent="0.2">
      <c r="B17" s="36" t="s">
        <v>100</v>
      </c>
    </row>
    <row r="18" spans="2:12" x14ac:dyDescent="0.2">
      <c r="B18" s="36" t="s">
        <v>126</v>
      </c>
    </row>
    <row r="19" spans="2:12" x14ac:dyDescent="0.2">
      <c r="B19" s="69" t="s">
        <v>59</v>
      </c>
      <c r="C19" s="46"/>
      <c r="D19" s="46"/>
      <c r="E19" s="46"/>
      <c r="F19" s="46"/>
      <c r="G19" s="46"/>
      <c r="H19" s="46"/>
      <c r="I19" s="46"/>
      <c r="J19" s="46"/>
      <c r="K19" s="46"/>
      <c r="L19" s="46"/>
    </row>
  </sheetData>
  <mergeCells count="1">
    <mergeCell ref="B19:L19"/>
  </mergeCells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2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1526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476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61</v>
      </c>
      <c r="C7" s="1" t="s">
        <v>63</v>
      </c>
      <c r="D7" s="1" t="s">
        <v>64</v>
      </c>
      <c r="E7" s="1" t="s">
        <v>477</v>
      </c>
      <c r="F7" s="1" t="s">
        <v>478</v>
      </c>
      <c r="G7" s="1" t="s">
        <v>66</v>
      </c>
      <c r="H7" s="1" t="s">
        <v>479</v>
      </c>
      <c r="I7" s="1" t="s">
        <v>9</v>
      </c>
      <c r="J7" s="1" t="s">
        <v>70</v>
      </c>
      <c r="K7" s="1" t="s">
        <v>110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</row>
    <row r="10" spans="2:11" x14ac:dyDescent="0.2">
      <c r="B10" s="1" t="s">
        <v>480</v>
      </c>
      <c r="C10" s="1" t="s">
        <v>7</v>
      </c>
      <c r="D10" s="1" t="s">
        <v>7</v>
      </c>
      <c r="E10" s="1" t="s">
        <v>7</v>
      </c>
      <c r="F10" s="38">
        <v>0</v>
      </c>
      <c r="G10" s="1" t="s">
        <v>7</v>
      </c>
      <c r="H10" s="38">
        <v>0</v>
      </c>
      <c r="I10" s="39">
        <v>0</v>
      </c>
      <c r="J10" s="38">
        <v>0</v>
      </c>
      <c r="K10" s="38">
        <v>0</v>
      </c>
    </row>
    <row r="11" spans="2:11" x14ac:dyDescent="0.2">
      <c r="B11" s="1" t="s">
        <v>81</v>
      </c>
      <c r="C11" s="1" t="s">
        <v>7</v>
      </c>
      <c r="D11" s="1" t="s">
        <v>7</v>
      </c>
      <c r="E11" s="1" t="s">
        <v>7</v>
      </c>
      <c r="F11" s="38">
        <v>0</v>
      </c>
      <c r="G11" s="1" t="s">
        <v>7</v>
      </c>
      <c r="H11" s="38">
        <v>0</v>
      </c>
      <c r="I11" s="39">
        <v>0</v>
      </c>
      <c r="J11" s="38">
        <v>0</v>
      </c>
      <c r="K11" s="38">
        <v>0</v>
      </c>
    </row>
    <row r="12" spans="2:11" x14ac:dyDescent="0.2">
      <c r="B12" s="1" t="s">
        <v>98</v>
      </c>
      <c r="C12" s="1" t="s">
        <v>7</v>
      </c>
      <c r="D12" s="1" t="s">
        <v>7</v>
      </c>
      <c r="E12" s="1" t="s">
        <v>7</v>
      </c>
      <c r="F12" s="38">
        <v>0</v>
      </c>
      <c r="G12" s="1" t="s">
        <v>7</v>
      </c>
      <c r="H12" s="38">
        <v>0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100</v>
      </c>
    </row>
    <row r="14" spans="2:11" x14ac:dyDescent="0.2">
      <c r="B14" s="36" t="s">
        <v>126</v>
      </c>
    </row>
    <row r="15" spans="2:11" x14ac:dyDescent="0.2">
      <c r="B15" s="70" t="s">
        <v>59</v>
      </c>
      <c r="C15" s="46"/>
      <c r="D15" s="46"/>
      <c r="E15" s="46"/>
      <c r="F15" s="46"/>
      <c r="G15" s="46"/>
      <c r="H15" s="46"/>
      <c r="I15" s="46"/>
      <c r="J15" s="46"/>
      <c r="K15" s="46"/>
    </row>
  </sheetData>
  <mergeCells count="1">
    <mergeCell ref="B15:K15"/>
  </mergeCells>
  <pageMargins left="0.7" right="0.7" top="0.75" bottom="0.75" header="0.3" footer="0.3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K15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2:11" x14ac:dyDescent="0.2">
      <c r="B1" s="37" t="s">
        <v>0</v>
      </c>
      <c r="C1" s="37" t="s">
        <v>1</v>
      </c>
    </row>
    <row r="2" spans="2:11" x14ac:dyDescent="0.2">
      <c r="B2" s="37" t="s">
        <v>2</v>
      </c>
      <c r="C2" s="37" t="s">
        <v>3</v>
      </c>
    </row>
    <row r="3" spans="2:11" x14ac:dyDescent="0.2">
      <c r="B3" s="37" t="s">
        <v>4</v>
      </c>
      <c r="C3" s="37" t="s">
        <v>5</v>
      </c>
    </row>
    <row r="4" spans="2:11" x14ac:dyDescent="0.2">
      <c r="B4" s="37" t="s">
        <v>6</v>
      </c>
      <c r="C4" s="37">
        <v>1526</v>
      </c>
    </row>
    <row r="5" spans="2:11" x14ac:dyDescent="0.2">
      <c r="B5" s="37" t="s">
        <v>7</v>
      </c>
      <c r="C5" s="37" t="s">
        <v>7</v>
      </c>
    </row>
    <row r="6" spans="2:11" x14ac:dyDescent="0.2">
      <c r="B6" s="3" t="s">
        <v>48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2:11" x14ac:dyDescent="0.2">
      <c r="B7" s="1" t="s">
        <v>61</v>
      </c>
      <c r="C7" s="1" t="s">
        <v>62</v>
      </c>
      <c r="D7" s="1" t="s">
        <v>64</v>
      </c>
      <c r="E7" s="1" t="s">
        <v>477</v>
      </c>
      <c r="F7" s="1" t="s">
        <v>478</v>
      </c>
      <c r="G7" s="1" t="s">
        <v>66</v>
      </c>
      <c r="H7" s="1" t="s">
        <v>479</v>
      </c>
      <c r="I7" s="1" t="s">
        <v>9</v>
      </c>
      <c r="J7" s="1" t="s">
        <v>70</v>
      </c>
      <c r="K7" s="1" t="s">
        <v>110</v>
      </c>
    </row>
    <row r="8" spans="2:11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2:11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</row>
    <row r="10" spans="2:11" x14ac:dyDescent="0.2">
      <c r="B10" s="1" t="s">
        <v>482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39">
        <v>0</v>
      </c>
      <c r="J10" s="38">
        <v>0</v>
      </c>
      <c r="K10" s="38">
        <v>0</v>
      </c>
    </row>
    <row r="11" spans="2:11" x14ac:dyDescent="0.2">
      <c r="B11" s="1" t="s">
        <v>8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0</v>
      </c>
      <c r="J11" s="38">
        <v>0</v>
      </c>
      <c r="K11" s="38">
        <v>0</v>
      </c>
    </row>
    <row r="12" spans="2:11" x14ac:dyDescent="0.2">
      <c r="B12" s="1" t="s">
        <v>98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0</v>
      </c>
      <c r="J12" s="38">
        <v>0</v>
      </c>
      <c r="K12" s="38">
        <v>0</v>
      </c>
    </row>
    <row r="13" spans="2:11" x14ac:dyDescent="0.2">
      <c r="B13" s="36" t="s">
        <v>100</v>
      </c>
    </row>
    <row r="14" spans="2:11" x14ac:dyDescent="0.2">
      <c r="B14" s="36" t="s">
        <v>126</v>
      </c>
    </row>
    <row r="15" spans="2:11" x14ac:dyDescent="0.2">
      <c r="B15" s="71" t="s">
        <v>59</v>
      </c>
      <c r="C15" s="46"/>
      <c r="D15" s="46"/>
      <c r="E15" s="46"/>
      <c r="F15" s="46"/>
      <c r="G15" s="46"/>
      <c r="H15" s="46"/>
      <c r="I15" s="46"/>
      <c r="J15" s="46"/>
      <c r="K15" s="46"/>
    </row>
  </sheetData>
  <mergeCells count="1">
    <mergeCell ref="B15:K15"/>
  </mergeCells>
  <pageMargins left="0.7" right="0.7" top="0.75" bottom="0.75" header="0.3" footer="0.3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D14"/>
  <sheetViews>
    <sheetView rightToLeft="1" workbookViewId="0"/>
  </sheetViews>
  <sheetFormatPr defaultRowHeight="14.25" x14ac:dyDescent="0.2"/>
  <cols>
    <col min="1" max="1" width="3" customWidth="1"/>
    <col min="2" max="2" width="28" customWidth="1"/>
    <col min="3" max="3" width="16" customWidth="1"/>
    <col min="4" max="4" width="22" customWidth="1"/>
  </cols>
  <sheetData>
    <row r="1" spans="2:4" x14ac:dyDescent="0.2">
      <c r="B1" s="37" t="s">
        <v>0</v>
      </c>
      <c r="C1" s="37" t="s">
        <v>1</v>
      </c>
    </row>
    <row r="2" spans="2:4" x14ac:dyDescent="0.2">
      <c r="B2" s="37" t="s">
        <v>2</v>
      </c>
      <c r="C2" s="37" t="s">
        <v>3</v>
      </c>
    </row>
    <row r="3" spans="2:4" x14ac:dyDescent="0.2">
      <c r="B3" s="37" t="s">
        <v>4</v>
      </c>
      <c r="C3" s="37" t="s">
        <v>5</v>
      </c>
    </row>
    <row r="4" spans="2:4" x14ac:dyDescent="0.2">
      <c r="B4" s="37" t="s">
        <v>6</v>
      </c>
      <c r="C4" s="37">
        <v>1526</v>
      </c>
    </row>
    <row r="5" spans="2:4" x14ac:dyDescent="0.2">
      <c r="B5" s="37" t="s">
        <v>7</v>
      </c>
      <c r="C5" s="37" t="s">
        <v>7</v>
      </c>
    </row>
    <row r="6" spans="2:4" x14ac:dyDescent="0.2">
      <c r="B6" s="3" t="s">
        <v>483</v>
      </c>
      <c r="C6" s="1" t="s">
        <v>7</v>
      </c>
      <c r="D6" s="1" t="s">
        <v>7</v>
      </c>
    </row>
    <row r="7" spans="2:4" x14ac:dyDescent="0.2">
      <c r="B7" s="1" t="s">
        <v>61</v>
      </c>
      <c r="C7" s="1" t="s">
        <v>484</v>
      </c>
      <c r="D7" s="1" t="s">
        <v>485</v>
      </c>
    </row>
    <row r="8" spans="2:4" x14ac:dyDescent="0.2">
      <c r="B8" s="1" t="s">
        <v>7</v>
      </c>
      <c r="C8" s="1" t="s">
        <v>11</v>
      </c>
      <c r="D8" s="1" t="s">
        <v>140</v>
      </c>
    </row>
    <row r="9" spans="2:4" x14ac:dyDescent="0.2">
      <c r="B9" s="1" t="s">
        <v>7</v>
      </c>
      <c r="C9" s="1" t="s">
        <v>13</v>
      </c>
      <c r="D9" s="1" t="s">
        <v>14</v>
      </c>
    </row>
    <row r="10" spans="2:4" x14ac:dyDescent="0.2">
      <c r="B10" s="1" t="s">
        <v>486</v>
      </c>
      <c r="C10" s="39">
        <v>0</v>
      </c>
      <c r="D10" s="1" t="s">
        <v>7</v>
      </c>
    </row>
    <row r="11" spans="2:4" x14ac:dyDescent="0.2">
      <c r="B11" s="1" t="s">
        <v>81</v>
      </c>
      <c r="C11" s="39">
        <v>0</v>
      </c>
      <c r="D11" s="1" t="s">
        <v>7</v>
      </c>
    </row>
    <row r="12" spans="2:4" x14ac:dyDescent="0.2">
      <c r="B12" s="1" t="s">
        <v>98</v>
      </c>
      <c r="C12" s="39">
        <v>0</v>
      </c>
      <c r="D12" s="1" t="s">
        <v>7</v>
      </c>
    </row>
    <row r="13" spans="2:4" x14ac:dyDescent="0.2">
      <c r="B13" s="36" t="s">
        <v>487</v>
      </c>
    </row>
    <row r="14" spans="2:4" x14ac:dyDescent="0.2">
      <c r="B14" s="72" t="s">
        <v>59</v>
      </c>
      <c r="C14" s="46"/>
      <c r="D14" s="46"/>
    </row>
  </sheetData>
  <mergeCells count="1">
    <mergeCell ref="B14:D14"/>
  </mergeCells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topLeftCell="A7" workbookViewId="0"/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1526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48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61</v>
      </c>
      <c r="C7" s="1" t="s">
        <v>62</v>
      </c>
      <c r="D7" s="1" t="s">
        <v>129</v>
      </c>
      <c r="E7" s="1" t="s">
        <v>64</v>
      </c>
      <c r="F7" s="1" t="s">
        <v>65</v>
      </c>
      <c r="G7" s="1" t="s">
        <v>104</v>
      </c>
      <c r="H7" s="1" t="s">
        <v>105</v>
      </c>
      <c r="I7" s="1" t="s">
        <v>66</v>
      </c>
      <c r="J7" s="1" t="s">
        <v>67</v>
      </c>
      <c r="K7" s="1" t="s">
        <v>489</v>
      </c>
      <c r="L7" s="1" t="s">
        <v>106</v>
      </c>
      <c r="M7" s="1" t="s">
        <v>490</v>
      </c>
      <c r="N7" s="1" t="s">
        <v>109</v>
      </c>
      <c r="O7" s="1" t="s">
        <v>70</v>
      </c>
      <c r="P7" s="1" t="s">
        <v>110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0</v>
      </c>
      <c r="H8" s="1" t="s">
        <v>111</v>
      </c>
      <c r="I8" s="1" t="s">
        <v>7</v>
      </c>
      <c r="J8" s="1" t="s">
        <v>12</v>
      </c>
      <c r="K8" s="1" t="s">
        <v>491</v>
      </c>
      <c r="L8" s="1" t="s">
        <v>141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4</v>
      </c>
      <c r="N9" s="1" t="s">
        <v>115</v>
      </c>
      <c r="O9" s="1" t="s">
        <v>116</v>
      </c>
      <c r="P9" s="1" t="s">
        <v>117</v>
      </c>
      <c r="Q9" s="1" t="s">
        <v>7</v>
      </c>
    </row>
    <row r="10" spans="2:17" x14ac:dyDescent="0.2">
      <c r="B10" s="1" t="s">
        <v>492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1" t="s">
        <v>7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8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1" t="s">
        <v>7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3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1" t="s">
        <v>7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2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1" t="s">
        <v>7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3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1" t="s">
        <v>7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301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1" t="s">
        <v>7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49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3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36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3" t="s">
        <v>59</v>
      </c>
      <c r="C19" s="46"/>
      <c r="D19" s="46"/>
      <c r="E19" s="46"/>
      <c r="F19" s="46"/>
      <c r="G19" s="46"/>
      <c r="H19" s="46"/>
      <c r="I19" s="46"/>
      <c r="J19" s="46"/>
      <c r="K19" s="46"/>
      <c r="L19" s="46"/>
      <c r="M19" s="46"/>
      <c r="N19" s="46"/>
      <c r="O19" s="46"/>
      <c r="P19" s="46"/>
      <c r="Q19" s="46"/>
    </row>
  </sheetData>
  <mergeCells count="1">
    <mergeCell ref="B19:Q19"/>
  </mergeCells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Q19"/>
  <sheetViews>
    <sheetView rightToLeft="1" workbookViewId="0"/>
  </sheetViews>
  <sheetFormatPr defaultRowHeight="14.25" x14ac:dyDescent="0.2"/>
  <cols>
    <col min="1" max="1" width="3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2:17" x14ac:dyDescent="0.2">
      <c r="B1" s="37" t="s">
        <v>0</v>
      </c>
      <c r="C1" s="37" t="s">
        <v>1</v>
      </c>
    </row>
    <row r="2" spans="2:17" x14ac:dyDescent="0.2">
      <c r="B2" s="37" t="s">
        <v>2</v>
      </c>
      <c r="C2" s="37" t="s">
        <v>3</v>
      </c>
    </row>
    <row r="3" spans="2:17" x14ac:dyDescent="0.2">
      <c r="B3" s="37" t="s">
        <v>4</v>
      </c>
      <c r="C3" s="37" t="s">
        <v>5</v>
      </c>
    </row>
    <row r="4" spans="2:17" x14ac:dyDescent="0.2">
      <c r="B4" s="37" t="s">
        <v>6</v>
      </c>
      <c r="C4" s="37">
        <v>1526</v>
      </c>
    </row>
    <row r="5" spans="2:17" x14ac:dyDescent="0.2">
      <c r="B5" s="37" t="s">
        <v>7</v>
      </c>
      <c r="C5" s="37" t="s">
        <v>7</v>
      </c>
    </row>
    <row r="6" spans="2:17" x14ac:dyDescent="0.2">
      <c r="B6" s="3" t="s">
        <v>494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2:17" x14ac:dyDescent="0.2">
      <c r="B7" s="1" t="s">
        <v>61</v>
      </c>
      <c r="C7" s="1" t="s">
        <v>62</v>
      </c>
      <c r="D7" s="1" t="s">
        <v>129</v>
      </c>
      <c r="E7" s="1" t="s">
        <v>64</v>
      </c>
      <c r="F7" s="1" t="s">
        <v>65</v>
      </c>
      <c r="G7" s="1" t="s">
        <v>104</v>
      </c>
      <c r="H7" s="1" t="s">
        <v>105</v>
      </c>
      <c r="I7" s="1" t="s">
        <v>66</v>
      </c>
      <c r="J7" s="1" t="s">
        <v>67</v>
      </c>
      <c r="K7" s="1" t="s">
        <v>489</v>
      </c>
      <c r="L7" s="1" t="s">
        <v>106</v>
      </c>
      <c r="M7" s="1" t="s">
        <v>490</v>
      </c>
      <c r="N7" s="1" t="s">
        <v>109</v>
      </c>
      <c r="O7" s="1" t="s">
        <v>70</v>
      </c>
      <c r="P7" s="1" t="s">
        <v>110</v>
      </c>
      <c r="Q7" s="1" t="s">
        <v>7</v>
      </c>
    </row>
    <row r="8" spans="2:17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0</v>
      </c>
      <c r="H8" s="1" t="s">
        <v>111</v>
      </c>
      <c r="I8" s="1" t="s">
        <v>7</v>
      </c>
      <c r="J8" s="1" t="s">
        <v>12</v>
      </c>
      <c r="K8" s="1" t="s">
        <v>12</v>
      </c>
      <c r="L8" s="1" t="s">
        <v>141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2:17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4</v>
      </c>
      <c r="N9" s="1" t="s">
        <v>115</v>
      </c>
      <c r="O9" s="1" t="s">
        <v>116</v>
      </c>
      <c r="P9" s="1" t="s">
        <v>117</v>
      </c>
      <c r="Q9" s="1" t="s">
        <v>7</v>
      </c>
    </row>
    <row r="10" spans="2:17" x14ac:dyDescent="0.2">
      <c r="B10" s="1" t="s">
        <v>495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39">
        <v>0</v>
      </c>
      <c r="I10" s="1" t="s">
        <v>7</v>
      </c>
      <c r="J10" s="38">
        <v>0</v>
      </c>
      <c r="K10" s="38">
        <v>0</v>
      </c>
      <c r="L10" s="1" t="s">
        <v>7</v>
      </c>
      <c r="M10" s="39">
        <v>0</v>
      </c>
      <c r="N10" s="38">
        <v>0</v>
      </c>
      <c r="O10" s="38">
        <v>0</v>
      </c>
      <c r="P10" s="38">
        <v>0</v>
      </c>
      <c r="Q10" s="1" t="s">
        <v>7</v>
      </c>
    </row>
    <row r="11" spans="2:17" x14ac:dyDescent="0.2">
      <c r="B11" s="1" t="s">
        <v>49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1" t="s">
        <v>7</v>
      </c>
      <c r="M11" s="39">
        <v>0</v>
      </c>
      <c r="N11" s="38">
        <v>0</v>
      </c>
      <c r="O11" s="38">
        <v>0</v>
      </c>
      <c r="P11" s="38">
        <v>0</v>
      </c>
      <c r="Q11" s="1" t="s">
        <v>7</v>
      </c>
    </row>
    <row r="12" spans="2:17" x14ac:dyDescent="0.2">
      <c r="B12" s="1" t="s">
        <v>13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1" t="s">
        <v>7</v>
      </c>
      <c r="M12" s="39">
        <v>0</v>
      </c>
      <c r="N12" s="38">
        <v>0</v>
      </c>
      <c r="O12" s="38">
        <v>0</v>
      </c>
      <c r="P12" s="38">
        <v>0</v>
      </c>
      <c r="Q12" s="1" t="s">
        <v>7</v>
      </c>
    </row>
    <row r="13" spans="2:17" x14ac:dyDescent="0.2">
      <c r="B13" s="1" t="s">
        <v>12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1" t="s">
        <v>7</v>
      </c>
      <c r="M13" s="39">
        <v>0</v>
      </c>
      <c r="N13" s="38">
        <v>0</v>
      </c>
      <c r="O13" s="38">
        <v>0</v>
      </c>
      <c r="P13" s="38">
        <v>0</v>
      </c>
      <c r="Q13" s="1" t="s">
        <v>7</v>
      </c>
    </row>
    <row r="14" spans="2:17" x14ac:dyDescent="0.2">
      <c r="B14" s="1" t="s">
        <v>135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1" t="s">
        <v>7</v>
      </c>
      <c r="M14" s="39">
        <v>0</v>
      </c>
      <c r="N14" s="38">
        <v>0</v>
      </c>
      <c r="O14" s="38">
        <v>0</v>
      </c>
      <c r="P14" s="38">
        <v>0</v>
      </c>
      <c r="Q14" s="1" t="s">
        <v>7</v>
      </c>
    </row>
    <row r="15" spans="2:17" x14ac:dyDescent="0.2">
      <c r="B15" s="1" t="s">
        <v>301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1" t="s">
        <v>7</v>
      </c>
      <c r="M15" s="39">
        <v>0</v>
      </c>
      <c r="N15" s="38">
        <v>0</v>
      </c>
      <c r="O15" s="38">
        <v>0</v>
      </c>
      <c r="P15" s="38">
        <v>0</v>
      </c>
      <c r="Q15" s="1" t="s">
        <v>7</v>
      </c>
    </row>
    <row r="16" spans="2:17" x14ac:dyDescent="0.2">
      <c r="B16" s="1" t="s">
        <v>49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  <c r="Q16" s="1" t="s">
        <v>7</v>
      </c>
    </row>
    <row r="17" spans="2:17" x14ac:dyDescent="0.2">
      <c r="B17" s="1" t="s">
        <v>13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  <c r="Q17" s="1" t="s">
        <v>7</v>
      </c>
    </row>
    <row r="18" spans="2:17" x14ac:dyDescent="0.2">
      <c r="B18" s="1" t="s">
        <v>136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  <c r="Q18" s="1" t="s">
        <v>7</v>
      </c>
    </row>
    <row r="19" spans="2:17" x14ac:dyDescent="0.2">
      <c r="B19" s="74" t="s">
        <v>59</v>
      </c>
      <c r="C19" s="46"/>
      <c r="D19" s="46"/>
      <c r="E19" s="46"/>
      <c r="F19" s="46"/>
      <c r="G19" s="46"/>
      <c r="H19" s="46"/>
      <c r="I19" s="46"/>
      <c r="J19" s="46"/>
      <c r="K19" s="46"/>
      <c r="L19" s="46"/>
      <c r="M19" s="46"/>
      <c r="N19" s="46"/>
      <c r="O19" s="46"/>
      <c r="P19" s="46"/>
      <c r="Q19" s="46"/>
    </row>
  </sheetData>
  <mergeCells count="1">
    <mergeCell ref="B19:Q19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S21"/>
  <sheetViews>
    <sheetView rightToLeft="1" topLeftCell="A7" workbookViewId="0"/>
  </sheetViews>
  <sheetFormatPr defaultRowHeight="14.25" x14ac:dyDescent="0.2"/>
  <cols>
    <col min="1" max="1" width="3" customWidth="1"/>
    <col min="2" max="2" width="40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8" customWidth="1"/>
    <col min="15" max="15" width="10" customWidth="1"/>
    <col min="16" max="16" width="22" customWidth="1"/>
    <col min="17" max="17" width="24" customWidth="1"/>
    <col min="18" max="18" width="23" customWidth="1"/>
    <col min="19" max="19" width="2" customWidth="1"/>
  </cols>
  <sheetData>
    <row r="1" spans="2:19" x14ac:dyDescent="0.2">
      <c r="B1" s="37" t="s">
        <v>0</v>
      </c>
      <c r="C1" s="37" t="s">
        <v>1</v>
      </c>
    </row>
    <row r="2" spans="2:19" x14ac:dyDescent="0.2">
      <c r="B2" s="37" t="s">
        <v>2</v>
      </c>
      <c r="C2" s="37" t="s">
        <v>3</v>
      </c>
    </row>
    <row r="3" spans="2:19" x14ac:dyDescent="0.2">
      <c r="B3" s="37" t="s">
        <v>4</v>
      </c>
      <c r="C3" s="37" t="s">
        <v>5</v>
      </c>
    </row>
    <row r="4" spans="2:19" x14ac:dyDescent="0.2">
      <c r="B4" s="37" t="s">
        <v>6</v>
      </c>
      <c r="C4" s="37">
        <v>1526</v>
      </c>
    </row>
    <row r="5" spans="2:19" x14ac:dyDescent="0.2">
      <c r="B5" s="37" t="s">
        <v>7</v>
      </c>
      <c r="C5" s="37" t="s">
        <v>7</v>
      </c>
    </row>
    <row r="6" spans="2:19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2:19" x14ac:dyDescent="0.2">
      <c r="B7" s="3" t="s">
        <v>10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</row>
    <row r="8" spans="2:19" x14ac:dyDescent="0.2">
      <c r="B8" s="1" t="s">
        <v>61</v>
      </c>
      <c r="C8" s="1" t="s">
        <v>62</v>
      </c>
      <c r="D8" s="1" t="s">
        <v>103</v>
      </c>
      <c r="E8" s="1" t="s">
        <v>64</v>
      </c>
      <c r="F8" s="1" t="s">
        <v>65</v>
      </c>
      <c r="G8" s="1" t="s">
        <v>104</v>
      </c>
      <c r="H8" s="1" t="s">
        <v>105</v>
      </c>
      <c r="I8" s="1" t="s">
        <v>66</v>
      </c>
      <c r="J8" s="1" t="s">
        <v>67</v>
      </c>
      <c r="K8" s="1" t="s">
        <v>68</v>
      </c>
      <c r="L8" s="1" t="s">
        <v>106</v>
      </c>
      <c r="M8" s="1" t="s">
        <v>107</v>
      </c>
      <c r="N8" s="1" t="s">
        <v>108</v>
      </c>
      <c r="O8" s="1" t="s">
        <v>69</v>
      </c>
      <c r="P8" s="1" t="s">
        <v>109</v>
      </c>
      <c r="Q8" s="1" t="s">
        <v>70</v>
      </c>
      <c r="R8" s="1" t="s">
        <v>110</v>
      </c>
      <c r="S8" s="1" t="s">
        <v>7</v>
      </c>
    </row>
    <row r="9" spans="2:19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11</v>
      </c>
      <c r="I9" s="1" t="s">
        <v>7</v>
      </c>
      <c r="J9" s="1" t="s">
        <v>12</v>
      </c>
      <c r="K9" s="1" t="s">
        <v>12</v>
      </c>
      <c r="L9" s="1" t="s">
        <v>112</v>
      </c>
      <c r="M9" s="1" t="s">
        <v>113</v>
      </c>
      <c r="N9" s="1" t="s">
        <v>11</v>
      </c>
      <c r="O9" s="1" t="s">
        <v>11</v>
      </c>
      <c r="P9" s="1" t="s">
        <v>12</v>
      </c>
      <c r="Q9" s="1" t="s">
        <v>12</v>
      </c>
      <c r="R9" s="1" t="s">
        <v>12</v>
      </c>
      <c r="S9" s="1" t="s">
        <v>7</v>
      </c>
    </row>
    <row r="10" spans="2:19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117</v>
      </c>
      <c r="Q10" s="1" t="s">
        <v>118</v>
      </c>
      <c r="R10" s="1" t="s">
        <v>119</v>
      </c>
      <c r="S10" s="1" t="s">
        <v>7</v>
      </c>
    </row>
    <row r="11" spans="2:19" x14ac:dyDescent="0.2">
      <c r="B11" s="1" t="s">
        <v>120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0</v>
      </c>
      <c r="I11" s="1" t="s">
        <v>7</v>
      </c>
      <c r="J11" s="38">
        <v>0</v>
      </c>
      <c r="K11" s="38">
        <v>0</v>
      </c>
      <c r="L11" s="39">
        <v>0</v>
      </c>
      <c r="M11" s="1" t="s">
        <v>7</v>
      </c>
      <c r="N11" s="39">
        <v>0</v>
      </c>
      <c r="O11" s="39">
        <v>0</v>
      </c>
      <c r="P11" s="1" t="s">
        <v>7</v>
      </c>
      <c r="Q11" s="38">
        <v>0</v>
      </c>
      <c r="R11" s="38">
        <v>0</v>
      </c>
      <c r="S11" s="1" t="s">
        <v>7</v>
      </c>
    </row>
    <row r="12" spans="2:19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0</v>
      </c>
      <c r="I12" s="1" t="s">
        <v>7</v>
      </c>
      <c r="J12" s="38">
        <v>0</v>
      </c>
      <c r="K12" s="38">
        <v>0</v>
      </c>
      <c r="L12" s="39">
        <v>0</v>
      </c>
      <c r="M12" s="1" t="s">
        <v>7</v>
      </c>
      <c r="N12" s="39">
        <v>0</v>
      </c>
      <c r="O12" s="39">
        <v>0</v>
      </c>
      <c r="P12" s="1" t="s">
        <v>7</v>
      </c>
      <c r="Q12" s="38">
        <v>0</v>
      </c>
      <c r="R12" s="38">
        <v>0</v>
      </c>
      <c r="S12" s="1" t="s">
        <v>7</v>
      </c>
    </row>
    <row r="13" spans="2:19" x14ac:dyDescent="0.2">
      <c r="B13" s="1" t="s">
        <v>12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0</v>
      </c>
      <c r="I13" s="1" t="s">
        <v>7</v>
      </c>
      <c r="J13" s="38">
        <v>0</v>
      </c>
      <c r="K13" s="38">
        <v>0</v>
      </c>
      <c r="L13" s="39">
        <v>0</v>
      </c>
      <c r="M13" s="1" t="s">
        <v>7</v>
      </c>
      <c r="N13" s="39">
        <v>0</v>
      </c>
      <c r="O13" s="39">
        <v>0</v>
      </c>
      <c r="P13" s="1" t="s">
        <v>7</v>
      </c>
      <c r="Q13" s="38">
        <v>0</v>
      </c>
      <c r="R13" s="38">
        <v>0</v>
      </c>
      <c r="S13" s="1" t="s">
        <v>7</v>
      </c>
    </row>
    <row r="14" spans="2:19" x14ac:dyDescent="0.2">
      <c r="B14" s="1" t="s">
        <v>122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39">
        <v>0</v>
      </c>
      <c r="I14" s="1" t="s">
        <v>7</v>
      </c>
      <c r="J14" s="38">
        <v>0</v>
      </c>
      <c r="K14" s="38">
        <v>0</v>
      </c>
      <c r="L14" s="39">
        <v>0</v>
      </c>
      <c r="M14" s="1" t="s">
        <v>7</v>
      </c>
      <c r="N14" s="39">
        <v>0</v>
      </c>
      <c r="O14" s="39">
        <v>0</v>
      </c>
      <c r="P14" s="1" t="s">
        <v>7</v>
      </c>
      <c r="Q14" s="38">
        <v>0</v>
      </c>
      <c r="R14" s="38">
        <v>0</v>
      </c>
      <c r="S14" s="1" t="s">
        <v>7</v>
      </c>
    </row>
    <row r="15" spans="2:19" x14ac:dyDescent="0.2">
      <c r="B15" s="1" t="s">
        <v>123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0</v>
      </c>
      <c r="I15" s="1" t="s">
        <v>7</v>
      </c>
      <c r="J15" s="38">
        <v>0</v>
      </c>
      <c r="K15" s="38">
        <v>0</v>
      </c>
      <c r="L15" s="39">
        <v>0</v>
      </c>
      <c r="M15" s="1" t="s">
        <v>7</v>
      </c>
      <c r="N15" s="39">
        <v>0</v>
      </c>
      <c r="O15" s="39">
        <v>0</v>
      </c>
      <c r="P15" s="1" t="s">
        <v>7</v>
      </c>
      <c r="Q15" s="38">
        <v>0</v>
      </c>
      <c r="R15" s="38">
        <v>0</v>
      </c>
      <c r="S15" s="1" t="s">
        <v>7</v>
      </c>
    </row>
    <row r="16" spans="2:19" x14ac:dyDescent="0.2">
      <c r="B16" s="1" t="s">
        <v>98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39">
        <v>0</v>
      </c>
      <c r="I16" s="1" t="s">
        <v>7</v>
      </c>
      <c r="J16" s="38">
        <v>0</v>
      </c>
      <c r="K16" s="38">
        <v>0</v>
      </c>
      <c r="L16" s="39">
        <v>0</v>
      </c>
      <c r="M16" s="1" t="s">
        <v>7</v>
      </c>
      <c r="N16" s="39">
        <v>0</v>
      </c>
      <c r="O16" s="39">
        <v>0</v>
      </c>
      <c r="P16" s="1" t="s">
        <v>7</v>
      </c>
      <c r="Q16" s="38">
        <v>0</v>
      </c>
      <c r="R16" s="38">
        <v>0</v>
      </c>
      <c r="S16" s="1" t="s">
        <v>7</v>
      </c>
    </row>
    <row r="17" spans="2:19" x14ac:dyDescent="0.2">
      <c r="B17" s="1" t="s">
        <v>124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39">
        <v>0</v>
      </c>
      <c r="I17" s="1" t="s">
        <v>7</v>
      </c>
      <c r="J17" s="38">
        <v>0</v>
      </c>
      <c r="K17" s="38">
        <v>0</v>
      </c>
      <c r="L17" s="39">
        <v>0</v>
      </c>
      <c r="M17" s="1" t="s">
        <v>7</v>
      </c>
      <c r="N17" s="39">
        <v>0</v>
      </c>
      <c r="O17" s="39">
        <v>0</v>
      </c>
      <c r="P17" s="1" t="s">
        <v>7</v>
      </c>
      <c r="Q17" s="38">
        <v>0</v>
      </c>
      <c r="R17" s="38">
        <v>0</v>
      </c>
      <c r="S17" s="1" t="s">
        <v>7</v>
      </c>
    </row>
    <row r="18" spans="2:19" x14ac:dyDescent="0.2">
      <c r="B18" s="1" t="s">
        <v>125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39">
        <v>0</v>
      </c>
      <c r="I18" s="1" t="s">
        <v>7</v>
      </c>
      <c r="J18" s="38">
        <v>0</v>
      </c>
      <c r="K18" s="38">
        <v>0</v>
      </c>
      <c r="L18" s="39">
        <v>0</v>
      </c>
      <c r="M18" s="1" t="s">
        <v>7</v>
      </c>
      <c r="N18" s="39">
        <v>0</v>
      </c>
      <c r="O18" s="39">
        <v>0</v>
      </c>
      <c r="P18" s="1" t="s">
        <v>7</v>
      </c>
      <c r="Q18" s="38">
        <v>0</v>
      </c>
      <c r="R18" s="38">
        <v>0</v>
      </c>
      <c r="S18" s="1" t="s">
        <v>7</v>
      </c>
    </row>
    <row r="19" spans="2:19" x14ac:dyDescent="0.2">
      <c r="B19" s="36" t="s">
        <v>100</v>
      </c>
    </row>
    <row r="20" spans="2:19" x14ac:dyDescent="0.2">
      <c r="B20" s="36" t="s">
        <v>126</v>
      </c>
    </row>
    <row r="21" spans="2:19" x14ac:dyDescent="0.2">
      <c r="B21" s="48" t="s">
        <v>59</v>
      </c>
      <c r="C21" s="46"/>
      <c r="D21" s="46"/>
      <c r="E21" s="46"/>
      <c r="F21" s="46"/>
      <c r="G21" s="46"/>
      <c r="H21" s="46"/>
      <c r="I21" s="46"/>
      <c r="J21" s="46"/>
      <c r="K21" s="46"/>
      <c r="L21" s="46"/>
      <c r="M21" s="46"/>
      <c r="N21" s="46"/>
      <c r="O21" s="46"/>
      <c r="P21" s="46"/>
      <c r="Q21" s="46"/>
      <c r="R21" s="46"/>
      <c r="S21" s="46"/>
    </row>
  </sheetData>
  <mergeCells count="1">
    <mergeCell ref="B21:S21"/>
  </mergeCells>
  <pageMargins left="0.7" right="0.7" top="0.75" bottom="0.75" header="0.3" footer="0.3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19"/>
  <sheetViews>
    <sheetView rightToLeft="1" tabSelected="1" workbookViewId="0">
      <selection activeCell="B3" sqref="B3"/>
    </sheetView>
  </sheetViews>
  <sheetFormatPr defaultRowHeight="14.25" x14ac:dyDescent="0.2"/>
  <cols>
    <col min="1" max="1" width="3" customWidth="1"/>
    <col min="2" max="2" width="34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500</v>
      </c>
      <c r="C4" s="37">
        <v>152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497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1" t="s">
        <v>61</v>
      </c>
      <c r="C7" s="1" t="s">
        <v>62</v>
      </c>
      <c r="D7" s="1" t="s">
        <v>129</v>
      </c>
      <c r="E7" s="1" t="s">
        <v>64</v>
      </c>
      <c r="F7" s="1" t="s">
        <v>65</v>
      </c>
      <c r="G7" s="1" t="s">
        <v>104</v>
      </c>
      <c r="H7" s="1" t="s">
        <v>105</v>
      </c>
      <c r="I7" s="1" t="s">
        <v>66</v>
      </c>
      <c r="J7" s="1" t="s">
        <v>67</v>
      </c>
      <c r="K7" s="1" t="s">
        <v>489</v>
      </c>
      <c r="L7" s="1" t="s">
        <v>106</v>
      </c>
      <c r="M7" s="1" t="s">
        <v>490</v>
      </c>
      <c r="N7" s="1" t="s">
        <v>109</v>
      </c>
      <c r="O7" s="1" t="s">
        <v>70</v>
      </c>
      <c r="P7" s="1" t="s">
        <v>110</v>
      </c>
    </row>
    <row r="8" spans="2:16" x14ac:dyDescent="0.2"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40</v>
      </c>
      <c r="H8" s="1" t="s">
        <v>111</v>
      </c>
      <c r="I8" s="1" t="s">
        <v>7</v>
      </c>
      <c r="J8" s="1" t="s">
        <v>12</v>
      </c>
      <c r="K8" s="1" t="s">
        <v>12</v>
      </c>
      <c r="L8" s="1" t="s">
        <v>141</v>
      </c>
      <c r="M8" s="1" t="s">
        <v>11</v>
      </c>
      <c r="N8" s="1" t="s">
        <v>12</v>
      </c>
      <c r="O8" s="1" t="s">
        <v>12</v>
      </c>
      <c r="P8" s="1" t="s">
        <v>12</v>
      </c>
    </row>
    <row r="9" spans="2:16" x14ac:dyDescent="0.2"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14</v>
      </c>
      <c r="N9" s="1" t="s">
        <v>115</v>
      </c>
      <c r="O9" s="1" t="s">
        <v>116</v>
      </c>
      <c r="P9" s="1" t="s">
        <v>117</v>
      </c>
    </row>
    <row r="10" spans="2:16" x14ac:dyDescent="0.2">
      <c r="B10" s="1" t="s">
        <v>498</v>
      </c>
      <c r="C10" s="1" t="s">
        <v>7</v>
      </c>
      <c r="D10" s="1" t="s">
        <v>7</v>
      </c>
      <c r="E10" s="1" t="s">
        <v>7</v>
      </c>
      <c r="F10" s="1" t="s">
        <v>7</v>
      </c>
      <c r="G10" s="1" t="s">
        <v>7</v>
      </c>
      <c r="H10" s="1" t="s">
        <v>7</v>
      </c>
      <c r="I10" s="1" t="s">
        <v>7</v>
      </c>
      <c r="J10" s="1" t="s">
        <v>7</v>
      </c>
      <c r="K10" s="1" t="s">
        <v>7</v>
      </c>
      <c r="L10" s="1" t="s">
        <v>7</v>
      </c>
      <c r="M10" s="1" t="s">
        <v>7</v>
      </c>
      <c r="N10" s="1" t="s">
        <v>7</v>
      </c>
      <c r="O10" s="1" t="s">
        <v>7</v>
      </c>
      <c r="P10" s="1" t="s">
        <v>7</v>
      </c>
    </row>
    <row r="11" spans="2:16" x14ac:dyDescent="0.2">
      <c r="B11" s="1" t="s">
        <v>49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1" t="s">
        <v>7</v>
      </c>
      <c r="L11" s="1" t="s">
        <v>7</v>
      </c>
      <c r="M11" s="1" t="s">
        <v>7</v>
      </c>
      <c r="N11" s="1" t="s">
        <v>7</v>
      </c>
      <c r="O11" s="1" t="s">
        <v>7</v>
      </c>
      <c r="P11" s="1" t="s">
        <v>7</v>
      </c>
    </row>
    <row r="12" spans="2:16" x14ac:dyDescent="0.2">
      <c r="B12" s="1" t="s">
        <v>134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1" t="s">
        <v>7</v>
      </c>
      <c r="L12" s="1" t="s">
        <v>7</v>
      </c>
      <c r="M12" s="1" t="s">
        <v>7</v>
      </c>
      <c r="N12" s="1" t="s">
        <v>7</v>
      </c>
      <c r="O12" s="1" t="s">
        <v>7</v>
      </c>
      <c r="P12" s="1" t="s">
        <v>7</v>
      </c>
    </row>
    <row r="13" spans="2:16" x14ac:dyDescent="0.2">
      <c r="B13" s="1" t="s">
        <v>12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  <c r="N13" s="1" t="s">
        <v>7</v>
      </c>
      <c r="O13" s="1" t="s">
        <v>7</v>
      </c>
      <c r="P13" s="1" t="s">
        <v>7</v>
      </c>
    </row>
    <row r="14" spans="2:16" x14ac:dyDescent="0.2">
      <c r="B14" s="1" t="s">
        <v>464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1" t="s">
        <v>7</v>
      </c>
      <c r="L14" s="1" t="s">
        <v>7</v>
      </c>
      <c r="M14" s="1" t="s">
        <v>7</v>
      </c>
      <c r="N14" s="1" t="s">
        <v>7</v>
      </c>
      <c r="O14" s="1" t="s">
        <v>7</v>
      </c>
      <c r="P14" s="1" t="s">
        <v>7</v>
      </c>
    </row>
    <row r="15" spans="2:16" x14ac:dyDescent="0.2">
      <c r="B15" s="1" t="s">
        <v>301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1" t="s">
        <v>7</v>
      </c>
      <c r="L15" s="1" t="s">
        <v>7</v>
      </c>
      <c r="M15" s="1" t="s">
        <v>7</v>
      </c>
      <c r="N15" s="1" t="s">
        <v>7</v>
      </c>
      <c r="O15" s="1" t="s">
        <v>7</v>
      </c>
      <c r="P15" s="1" t="s">
        <v>7</v>
      </c>
    </row>
    <row r="16" spans="2:16" x14ac:dyDescent="0.2">
      <c r="B16" s="1" t="s">
        <v>49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  <c r="N16" s="1" t="s">
        <v>7</v>
      </c>
      <c r="O16" s="1" t="s">
        <v>7</v>
      </c>
      <c r="P16" s="1" t="s">
        <v>7</v>
      </c>
    </row>
    <row r="17" spans="2:16" x14ac:dyDescent="0.2">
      <c r="B17" s="1" t="s">
        <v>13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1" t="s">
        <v>7</v>
      </c>
      <c r="L17" s="1" t="s">
        <v>7</v>
      </c>
      <c r="M17" s="1" t="s">
        <v>7</v>
      </c>
      <c r="N17" s="1" t="s">
        <v>7</v>
      </c>
      <c r="O17" s="1" t="s">
        <v>7</v>
      </c>
      <c r="P17" s="1" t="s">
        <v>7</v>
      </c>
    </row>
    <row r="18" spans="2:16" x14ac:dyDescent="0.2">
      <c r="B18" s="1" t="s">
        <v>499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1" t="s">
        <v>7</v>
      </c>
      <c r="L18" s="1" t="s">
        <v>7</v>
      </c>
      <c r="M18" s="1" t="s">
        <v>7</v>
      </c>
      <c r="N18" s="1" t="s">
        <v>7</v>
      </c>
      <c r="O18" s="1" t="s">
        <v>7</v>
      </c>
      <c r="P18" s="1" t="s">
        <v>7</v>
      </c>
    </row>
    <row r="19" spans="2:16" x14ac:dyDescent="0.2">
      <c r="B19" s="75" t="s">
        <v>59</v>
      </c>
      <c r="C19" s="46"/>
      <c r="D19" s="46"/>
      <c r="E19" s="46"/>
      <c r="F19" s="46"/>
      <c r="G19" s="46"/>
      <c r="H19" s="46"/>
      <c r="I19" s="46"/>
      <c r="J19" s="46"/>
      <c r="K19" s="46"/>
      <c r="L19" s="46"/>
      <c r="M19" s="46"/>
      <c r="N19" s="46"/>
      <c r="O19" s="46"/>
      <c r="P19" s="46"/>
    </row>
  </sheetData>
  <mergeCells count="1">
    <mergeCell ref="B19:P19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V21"/>
  <sheetViews>
    <sheetView rightToLeft="1" topLeftCell="A10" workbookViewId="0"/>
  </sheetViews>
  <sheetFormatPr defaultRowHeight="14.25" x14ac:dyDescent="0.2"/>
  <cols>
    <col min="1" max="1" width="3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2:22" x14ac:dyDescent="0.2">
      <c r="B1" s="37" t="s">
        <v>0</v>
      </c>
      <c r="C1" s="37" t="s">
        <v>1</v>
      </c>
    </row>
    <row r="2" spans="2:22" x14ac:dyDescent="0.2">
      <c r="B2" s="37" t="s">
        <v>2</v>
      </c>
      <c r="C2" s="37" t="s">
        <v>3</v>
      </c>
    </row>
    <row r="3" spans="2:22" x14ac:dyDescent="0.2">
      <c r="B3" s="37" t="s">
        <v>4</v>
      </c>
      <c r="C3" s="37" t="s">
        <v>5</v>
      </c>
    </row>
    <row r="4" spans="2:22" x14ac:dyDescent="0.2">
      <c r="B4" s="37" t="s">
        <v>6</v>
      </c>
      <c r="C4" s="37">
        <v>1526</v>
      </c>
    </row>
    <row r="5" spans="2:22" x14ac:dyDescent="0.2">
      <c r="B5" s="37" t="s">
        <v>7</v>
      </c>
      <c r="C5" s="37" t="s">
        <v>7</v>
      </c>
    </row>
    <row r="6" spans="2:22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2:22" x14ac:dyDescent="0.2">
      <c r="B7" s="3" t="s">
        <v>127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2:22" x14ac:dyDescent="0.2">
      <c r="B8" s="1" t="s">
        <v>61</v>
      </c>
      <c r="C8" s="1" t="s">
        <v>62</v>
      </c>
      <c r="D8" s="1" t="s">
        <v>103</v>
      </c>
      <c r="E8" s="1" t="s">
        <v>128</v>
      </c>
      <c r="F8" s="1" t="s">
        <v>63</v>
      </c>
      <c r="G8" s="1" t="s">
        <v>129</v>
      </c>
      <c r="H8" s="1" t="s">
        <v>64</v>
      </c>
      <c r="I8" s="1" t="s">
        <v>65</v>
      </c>
      <c r="J8" s="1" t="s">
        <v>104</v>
      </c>
      <c r="K8" s="1" t="s">
        <v>105</v>
      </c>
      <c r="L8" s="1" t="s">
        <v>66</v>
      </c>
      <c r="M8" s="1" t="s">
        <v>67</v>
      </c>
      <c r="N8" s="1" t="s">
        <v>68</v>
      </c>
      <c r="O8" s="1" t="s">
        <v>106</v>
      </c>
      <c r="P8" s="1" t="s">
        <v>107</v>
      </c>
      <c r="Q8" s="1" t="s">
        <v>108</v>
      </c>
      <c r="R8" s="1" t="s">
        <v>69</v>
      </c>
      <c r="S8" s="1" t="s">
        <v>109</v>
      </c>
      <c r="T8" s="1" t="s">
        <v>70</v>
      </c>
      <c r="U8" s="1" t="s">
        <v>110</v>
      </c>
      <c r="V8" s="1" t="s">
        <v>7</v>
      </c>
    </row>
    <row r="9" spans="2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7</v>
      </c>
      <c r="K9" s="1" t="s">
        <v>111</v>
      </c>
      <c r="L9" s="1" t="s">
        <v>7</v>
      </c>
      <c r="M9" s="1" t="s">
        <v>12</v>
      </c>
      <c r="N9" s="1" t="s">
        <v>12</v>
      </c>
      <c r="O9" s="1" t="s">
        <v>112</v>
      </c>
      <c r="P9" s="1" t="s">
        <v>113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2:2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117</v>
      </c>
      <c r="Q10" s="1" t="s">
        <v>118</v>
      </c>
      <c r="R10" s="1" t="s">
        <v>119</v>
      </c>
      <c r="S10" s="1" t="s">
        <v>130</v>
      </c>
      <c r="T10" s="1" t="s">
        <v>131</v>
      </c>
      <c r="U10" s="1" t="s">
        <v>132</v>
      </c>
      <c r="V10" s="1" t="s">
        <v>7</v>
      </c>
    </row>
    <row r="11" spans="2:22" x14ac:dyDescent="0.2">
      <c r="B11" s="1" t="s">
        <v>133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0</v>
      </c>
      <c r="L11" s="1" t="s">
        <v>7</v>
      </c>
      <c r="M11" s="38">
        <v>0</v>
      </c>
      <c r="N11" s="38">
        <v>0</v>
      </c>
      <c r="O11" s="39">
        <v>0</v>
      </c>
      <c r="P11" s="1" t="s">
        <v>7</v>
      </c>
      <c r="Q11" s="39">
        <v>0</v>
      </c>
      <c r="R11" s="39">
        <v>0</v>
      </c>
      <c r="S11" s="1" t="s">
        <v>7</v>
      </c>
      <c r="T11" s="38">
        <v>0</v>
      </c>
      <c r="U11" s="38">
        <v>0</v>
      </c>
      <c r="V11" s="1" t="s">
        <v>7</v>
      </c>
    </row>
    <row r="12" spans="2:22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0</v>
      </c>
      <c r="L12" s="1" t="s">
        <v>7</v>
      </c>
      <c r="M12" s="38">
        <v>0</v>
      </c>
      <c r="N12" s="38">
        <v>0</v>
      </c>
      <c r="O12" s="39">
        <v>0</v>
      </c>
      <c r="P12" s="1" t="s">
        <v>7</v>
      </c>
      <c r="Q12" s="39">
        <v>0</v>
      </c>
      <c r="R12" s="39">
        <v>0</v>
      </c>
      <c r="S12" s="1" t="s">
        <v>7</v>
      </c>
      <c r="T12" s="38">
        <v>0</v>
      </c>
      <c r="U12" s="38">
        <v>0</v>
      </c>
      <c r="V12" s="1" t="s">
        <v>7</v>
      </c>
    </row>
    <row r="13" spans="2:22" x14ac:dyDescent="0.2">
      <c r="B13" s="1" t="s">
        <v>13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0</v>
      </c>
      <c r="L13" s="1" t="s">
        <v>7</v>
      </c>
      <c r="M13" s="38">
        <v>0</v>
      </c>
      <c r="N13" s="38">
        <v>0</v>
      </c>
      <c r="O13" s="39">
        <v>0</v>
      </c>
      <c r="P13" s="1" t="s">
        <v>7</v>
      </c>
      <c r="Q13" s="39">
        <v>0</v>
      </c>
      <c r="R13" s="39">
        <v>0</v>
      </c>
      <c r="S13" s="1" t="s">
        <v>7</v>
      </c>
      <c r="T13" s="38">
        <v>0</v>
      </c>
      <c r="U13" s="38">
        <v>0</v>
      </c>
      <c r="V13" s="1" t="s">
        <v>7</v>
      </c>
    </row>
    <row r="14" spans="2:22" x14ac:dyDescent="0.2">
      <c r="B14" s="1" t="s">
        <v>122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39">
        <v>0</v>
      </c>
      <c r="L14" s="1" t="s">
        <v>7</v>
      </c>
      <c r="M14" s="38">
        <v>0</v>
      </c>
      <c r="N14" s="38">
        <v>0</v>
      </c>
      <c r="O14" s="39">
        <v>0</v>
      </c>
      <c r="P14" s="1" t="s">
        <v>7</v>
      </c>
      <c r="Q14" s="39">
        <v>0</v>
      </c>
      <c r="R14" s="39">
        <v>0</v>
      </c>
      <c r="S14" s="1" t="s">
        <v>7</v>
      </c>
      <c r="T14" s="38">
        <v>0</v>
      </c>
      <c r="U14" s="38">
        <v>0</v>
      </c>
      <c r="V14" s="1" t="s">
        <v>7</v>
      </c>
    </row>
    <row r="15" spans="2:22" x14ac:dyDescent="0.2">
      <c r="B15" s="1" t="s">
        <v>13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39">
        <v>0</v>
      </c>
      <c r="L15" s="1" t="s">
        <v>7</v>
      </c>
      <c r="M15" s="38">
        <v>0</v>
      </c>
      <c r="N15" s="38">
        <v>0</v>
      </c>
      <c r="O15" s="39">
        <v>0</v>
      </c>
      <c r="P15" s="1" t="s">
        <v>7</v>
      </c>
      <c r="Q15" s="39">
        <v>0</v>
      </c>
      <c r="R15" s="39">
        <v>0</v>
      </c>
      <c r="S15" s="1" t="s">
        <v>7</v>
      </c>
      <c r="T15" s="38">
        <v>0</v>
      </c>
      <c r="U15" s="38">
        <v>0</v>
      </c>
      <c r="V15" s="1" t="s">
        <v>7</v>
      </c>
    </row>
    <row r="16" spans="2:22" x14ac:dyDescent="0.2">
      <c r="B16" s="1" t="s">
        <v>136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39">
        <v>0</v>
      </c>
      <c r="L16" s="1" t="s">
        <v>7</v>
      </c>
      <c r="M16" s="38">
        <v>0</v>
      </c>
      <c r="N16" s="38">
        <v>0</v>
      </c>
      <c r="O16" s="39">
        <v>0</v>
      </c>
      <c r="P16" s="1" t="s">
        <v>7</v>
      </c>
      <c r="Q16" s="39">
        <v>0</v>
      </c>
      <c r="R16" s="39">
        <v>0</v>
      </c>
      <c r="S16" s="1" t="s">
        <v>7</v>
      </c>
      <c r="T16" s="38">
        <v>0</v>
      </c>
      <c r="U16" s="38">
        <v>0</v>
      </c>
      <c r="V16" s="1" t="s">
        <v>7</v>
      </c>
    </row>
    <row r="17" spans="2:22" x14ac:dyDescent="0.2">
      <c r="B17" s="1" t="s">
        <v>137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39">
        <v>0</v>
      </c>
      <c r="L17" s="1" t="s">
        <v>7</v>
      </c>
      <c r="M17" s="38">
        <v>0</v>
      </c>
      <c r="N17" s="38">
        <v>0</v>
      </c>
      <c r="O17" s="39">
        <v>0</v>
      </c>
      <c r="P17" s="1" t="s">
        <v>7</v>
      </c>
      <c r="Q17" s="39">
        <v>0</v>
      </c>
      <c r="R17" s="39">
        <v>0</v>
      </c>
      <c r="S17" s="1" t="s">
        <v>7</v>
      </c>
      <c r="T17" s="38">
        <v>0</v>
      </c>
      <c r="U17" s="38">
        <v>0</v>
      </c>
      <c r="V17" s="1" t="s">
        <v>7</v>
      </c>
    </row>
    <row r="18" spans="2:22" x14ac:dyDescent="0.2">
      <c r="B18" s="1" t="s">
        <v>138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39">
        <v>0</v>
      </c>
      <c r="L18" s="1" t="s">
        <v>7</v>
      </c>
      <c r="M18" s="38">
        <v>0</v>
      </c>
      <c r="N18" s="38">
        <v>0</v>
      </c>
      <c r="O18" s="39">
        <v>0</v>
      </c>
      <c r="P18" s="1" t="s">
        <v>7</v>
      </c>
      <c r="Q18" s="39">
        <v>0</v>
      </c>
      <c r="R18" s="39">
        <v>0</v>
      </c>
      <c r="S18" s="1" t="s">
        <v>7</v>
      </c>
      <c r="T18" s="38">
        <v>0</v>
      </c>
      <c r="U18" s="38">
        <v>0</v>
      </c>
      <c r="V18" s="1" t="s">
        <v>7</v>
      </c>
    </row>
    <row r="19" spans="2:22" x14ac:dyDescent="0.2">
      <c r="B19" s="36" t="s">
        <v>100</v>
      </c>
    </row>
    <row r="20" spans="2:22" x14ac:dyDescent="0.2">
      <c r="B20" s="36" t="s">
        <v>126</v>
      </c>
    </row>
    <row r="21" spans="2:22" x14ac:dyDescent="0.2">
      <c r="B21" s="49" t="s">
        <v>59</v>
      </c>
      <c r="C21" s="46"/>
      <c r="D21" s="46"/>
      <c r="E21" s="46"/>
      <c r="F21" s="46"/>
      <c r="G21" s="46"/>
      <c r="H21" s="46"/>
      <c r="I21" s="46"/>
      <c r="J21" s="46"/>
      <c r="K21" s="46"/>
      <c r="L21" s="46"/>
      <c r="M21" s="46"/>
      <c r="N21" s="46"/>
      <c r="O21" s="46"/>
      <c r="P21" s="46"/>
      <c r="Q21" s="46"/>
      <c r="R21" s="46"/>
      <c r="S21" s="46"/>
      <c r="T21" s="46"/>
      <c r="U21" s="46"/>
      <c r="V21" s="46"/>
    </row>
  </sheetData>
  <mergeCells count="1">
    <mergeCell ref="B21:V21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V22"/>
  <sheetViews>
    <sheetView rightToLeft="1" topLeftCell="A10" workbookViewId="0">
      <selection activeCell="B29" sqref="B29"/>
    </sheetView>
  </sheetViews>
  <sheetFormatPr defaultRowHeight="14.25" x14ac:dyDescent="0.2"/>
  <cols>
    <col min="1" max="1" width="3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6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2:22" x14ac:dyDescent="0.2">
      <c r="B1" s="37" t="s">
        <v>0</v>
      </c>
      <c r="C1" s="37" t="s">
        <v>1</v>
      </c>
    </row>
    <row r="2" spans="2:22" x14ac:dyDescent="0.2">
      <c r="B2" s="37" t="s">
        <v>2</v>
      </c>
      <c r="C2" s="37" t="s">
        <v>3</v>
      </c>
    </row>
    <row r="3" spans="2:22" x14ac:dyDescent="0.2">
      <c r="B3" s="37" t="s">
        <v>4</v>
      </c>
      <c r="C3" s="37" t="s">
        <v>5</v>
      </c>
    </row>
    <row r="4" spans="2:22" x14ac:dyDescent="0.2">
      <c r="B4" s="37" t="s">
        <v>6</v>
      </c>
      <c r="C4" s="37">
        <v>1526</v>
      </c>
    </row>
    <row r="5" spans="2:22" x14ac:dyDescent="0.2">
      <c r="B5" s="37" t="s">
        <v>7</v>
      </c>
      <c r="C5" s="37" t="s">
        <v>7</v>
      </c>
    </row>
    <row r="6" spans="2:22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2:22" x14ac:dyDescent="0.2">
      <c r="B7" s="3" t="s">
        <v>13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2:22" x14ac:dyDescent="0.2">
      <c r="B8" s="1" t="s">
        <v>61</v>
      </c>
      <c r="C8" s="1" t="s">
        <v>62</v>
      </c>
      <c r="D8" s="1" t="s">
        <v>103</v>
      </c>
      <c r="E8" s="1" t="s">
        <v>128</v>
      </c>
      <c r="F8" s="1" t="s">
        <v>63</v>
      </c>
      <c r="G8" s="1" t="s">
        <v>129</v>
      </c>
      <c r="H8" s="1" t="s">
        <v>64</v>
      </c>
      <c r="I8" s="1" t="s">
        <v>65</v>
      </c>
      <c r="J8" s="1" t="s">
        <v>104</v>
      </c>
      <c r="K8" s="1" t="s">
        <v>105</v>
      </c>
      <c r="L8" s="1" t="s">
        <v>66</v>
      </c>
      <c r="M8" s="1" t="s">
        <v>67</v>
      </c>
      <c r="N8" s="1" t="s">
        <v>68</v>
      </c>
      <c r="O8" s="1" t="s">
        <v>106</v>
      </c>
      <c r="P8" s="1" t="s">
        <v>107</v>
      </c>
      <c r="Q8" s="1" t="s">
        <v>108</v>
      </c>
      <c r="R8" s="1" t="s">
        <v>69</v>
      </c>
      <c r="S8" s="1" t="s">
        <v>109</v>
      </c>
      <c r="T8" s="1" t="s">
        <v>70</v>
      </c>
      <c r="U8" s="1" t="s">
        <v>110</v>
      </c>
      <c r="V8" s="1" t="s">
        <v>7</v>
      </c>
    </row>
    <row r="9" spans="2:22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40</v>
      </c>
      <c r="K9" s="1" t="s">
        <v>111</v>
      </c>
      <c r="L9" s="1" t="s">
        <v>7</v>
      </c>
      <c r="M9" s="1" t="s">
        <v>12</v>
      </c>
      <c r="N9" s="1" t="s">
        <v>12</v>
      </c>
      <c r="O9" s="1" t="s">
        <v>141</v>
      </c>
      <c r="P9" s="1" t="s">
        <v>7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2:22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117</v>
      </c>
      <c r="Q10" s="1" t="s">
        <v>118</v>
      </c>
      <c r="R10" s="1" t="s">
        <v>119</v>
      </c>
      <c r="S10" s="1" t="s">
        <v>130</v>
      </c>
      <c r="T10" s="1" t="s">
        <v>131</v>
      </c>
      <c r="U10" s="1" t="s">
        <v>132</v>
      </c>
      <c r="V10" s="1" t="s">
        <v>7</v>
      </c>
    </row>
    <row r="11" spans="2:22" x14ac:dyDescent="0.2">
      <c r="B11" s="1" t="s">
        <v>142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1" t="s">
        <v>7</v>
      </c>
      <c r="K11" s="39">
        <v>0</v>
      </c>
      <c r="L11" s="1" t="s">
        <v>7</v>
      </c>
      <c r="M11" s="38">
        <v>0</v>
      </c>
      <c r="N11" s="38">
        <v>0</v>
      </c>
      <c r="O11" s="39">
        <v>0</v>
      </c>
      <c r="P11" s="1" t="s">
        <v>7</v>
      </c>
      <c r="Q11" s="39">
        <v>0</v>
      </c>
      <c r="R11" s="39">
        <v>0</v>
      </c>
      <c r="S11" s="1" t="s">
        <v>7</v>
      </c>
      <c r="T11" s="38">
        <v>0</v>
      </c>
      <c r="U11" s="38">
        <v>0</v>
      </c>
      <c r="V11" s="1" t="s">
        <v>7</v>
      </c>
    </row>
    <row r="12" spans="2:22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1" t="s">
        <v>7</v>
      </c>
      <c r="K12" s="39">
        <v>0</v>
      </c>
      <c r="L12" s="1" t="s">
        <v>7</v>
      </c>
      <c r="M12" s="38">
        <v>0</v>
      </c>
      <c r="N12" s="38">
        <v>0</v>
      </c>
      <c r="O12" s="39">
        <v>0</v>
      </c>
      <c r="P12" s="1" t="s">
        <v>7</v>
      </c>
      <c r="Q12" s="39">
        <v>0</v>
      </c>
      <c r="R12" s="39">
        <v>0</v>
      </c>
      <c r="S12" s="1" t="s">
        <v>7</v>
      </c>
      <c r="T12" s="38">
        <v>0</v>
      </c>
      <c r="U12" s="38">
        <v>0</v>
      </c>
      <c r="V12" s="1" t="s">
        <v>7</v>
      </c>
    </row>
    <row r="13" spans="2:22" x14ac:dyDescent="0.2">
      <c r="B13" s="1" t="s">
        <v>134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39">
        <v>0</v>
      </c>
      <c r="L13" s="1" t="s">
        <v>7</v>
      </c>
      <c r="M13" s="38">
        <v>0</v>
      </c>
      <c r="N13" s="38">
        <v>0</v>
      </c>
      <c r="O13" s="39">
        <v>0</v>
      </c>
      <c r="P13" s="1" t="s">
        <v>7</v>
      </c>
      <c r="Q13" s="39">
        <v>0</v>
      </c>
      <c r="R13" s="39">
        <v>0</v>
      </c>
      <c r="S13" s="1" t="s">
        <v>7</v>
      </c>
      <c r="T13" s="38">
        <v>0</v>
      </c>
      <c r="U13" s="38">
        <v>0</v>
      </c>
      <c r="V13" s="1" t="s">
        <v>7</v>
      </c>
    </row>
    <row r="14" spans="2:22" x14ac:dyDescent="0.2">
      <c r="B14" s="1" t="s">
        <v>122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1" t="s">
        <v>7</v>
      </c>
      <c r="K14" s="39">
        <v>0</v>
      </c>
      <c r="L14" s="1" t="s">
        <v>7</v>
      </c>
      <c r="M14" s="38">
        <v>0</v>
      </c>
      <c r="N14" s="38">
        <v>0</v>
      </c>
      <c r="O14" s="39">
        <v>0</v>
      </c>
      <c r="P14" s="1" t="s">
        <v>7</v>
      </c>
      <c r="Q14" s="39">
        <v>0</v>
      </c>
      <c r="R14" s="39">
        <v>0</v>
      </c>
      <c r="S14" s="1" t="s">
        <v>7</v>
      </c>
      <c r="T14" s="38">
        <v>0</v>
      </c>
      <c r="U14" s="38">
        <v>0</v>
      </c>
      <c r="V14" s="1" t="s">
        <v>7</v>
      </c>
    </row>
    <row r="15" spans="2:22" x14ac:dyDescent="0.2">
      <c r="B15" s="1" t="s">
        <v>13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1" t="s">
        <v>7</v>
      </c>
      <c r="K15" s="39">
        <v>0</v>
      </c>
      <c r="L15" s="1" t="s">
        <v>7</v>
      </c>
      <c r="M15" s="38">
        <v>0</v>
      </c>
      <c r="N15" s="38">
        <v>0</v>
      </c>
      <c r="O15" s="39">
        <v>0</v>
      </c>
      <c r="P15" s="1" t="s">
        <v>7</v>
      </c>
      <c r="Q15" s="39">
        <v>0</v>
      </c>
      <c r="R15" s="39">
        <v>0</v>
      </c>
      <c r="S15" s="1" t="s">
        <v>7</v>
      </c>
      <c r="T15" s="38">
        <v>0</v>
      </c>
      <c r="U15" s="38">
        <v>0</v>
      </c>
      <c r="V15" s="1" t="s">
        <v>7</v>
      </c>
    </row>
    <row r="16" spans="2:22" x14ac:dyDescent="0.2">
      <c r="B16" s="1" t="s">
        <v>143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39">
        <v>0</v>
      </c>
      <c r="L16" s="1" t="s">
        <v>7</v>
      </c>
      <c r="M16" s="38">
        <v>0</v>
      </c>
      <c r="N16" s="38">
        <v>0</v>
      </c>
      <c r="O16" s="39">
        <v>0</v>
      </c>
      <c r="P16" s="1" t="s">
        <v>7</v>
      </c>
      <c r="Q16" s="39">
        <v>0</v>
      </c>
      <c r="R16" s="39">
        <v>0</v>
      </c>
      <c r="S16" s="1" t="s">
        <v>7</v>
      </c>
      <c r="T16" s="38">
        <v>0</v>
      </c>
      <c r="U16" s="38">
        <v>0</v>
      </c>
      <c r="V16" s="1" t="s">
        <v>7</v>
      </c>
    </row>
    <row r="17" spans="2:22" x14ac:dyDescent="0.2">
      <c r="B17" s="1" t="s">
        <v>98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1" t="s">
        <v>7</v>
      </c>
      <c r="K17" s="39">
        <v>0</v>
      </c>
      <c r="L17" s="1" t="s">
        <v>7</v>
      </c>
      <c r="M17" s="38">
        <v>0</v>
      </c>
      <c r="N17" s="38">
        <v>0</v>
      </c>
      <c r="O17" s="39">
        <v>0</v>
      </c>
      <c r="P17" s="1" t="s">
        <v>7</v>
      </c>
      <c r="Q17" s="39">
        <v>0</v>
      </c>
      <c r="R17" s="39">
        <v>0</v>
      </c>
      <c r="S17" s="1" t="s">
        <v>7</v>
      </c>
      <c r="T17" s="38">
        <v>0</v>
      </c>
      <c r="U17" s="38">
        <v>0</v>
      </c>
      <c r="V17" s="1" t="s">
        <v>7</v>
      </c>
    </row>
    <row r="18" spans="2:22" x14ac:dyDescent="0.2">
      <c r="B18" s="1" t="s">
        <v>137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1" t="s">
        <v>7</v>
      </c>
      <c r="K18" s="39">
        <v>0</v>
      </c>
      <c r="L18" s="1" t="s">
        <v>7</v>
      </c>
      <c r="M18" s="38">
        <v>0</v>
      </c>
      <c r="N18" s="38">
        <v>0</v>
      </c>
      <c r="O18" s="39">
        <v>0</v>
      </c>
      <c r="P18" s="1" t="s">
        <v>7</v>
      </c>
      <c r="Q18" s="39">
        <v>0</v>
      </c>
      <c r="R18" s="39">
        <v>0</v>
      </c>
      <c r="S18" s="1" t="s">
        <v>7</v>
      </c>
      <c r="T18" s="38">
        <v>0</v>
      </c>
      <c r="U18" s="38">
        <v>0</v>
      </c>
      <c r="V18" s="1" t="s">
        <v>7</v>
      </c>
    </row>
    <row r="19" spans="2:22" x14ac:dyDescent="0.2">
      <c r="B19" s="1" t="s">
        <v>136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1" t="s">
        <v>7</v>
      </c>
      <c r="K19" s="39">
        <v>0</v>
      </c>
      <c r="L19" s="1" t="s">
        <v>7</v>
      </c>
      <c r="M19" s="38">
        <v>0</v>
      </c>
      <c r="N19" s="38">
        <v>0</v>
      </c>
      <c r="O19" s="39">
        <v>0</v>
      </c>
      <c r="P19" s="1" t="s">
        <v>7</v>
      </c>
      <c r="Q19" s="39">
        <v>0</v>
      </c>
      <c r="R19" s="39">
        <v>0</v>
      </c>
      <c r="S19" s="1" t="s">
        <v>7</v>
      </c>
      <c r="T19" s="38">
        <v>0</v>
      </c>
      <c r="U19" s="38">
        <v>0</v>
      </c>
      <c r="V19" s="1" t="s">
        <v>7</v>
      </c>
    </row>
    <row r="20" spans="2:22" x14ac:dyDescent="0.2">
      <c r="B20" s="36" t="s">
        <v>100</v>
      </c>
    </row>
    <row r="21" spans="2:22" x14ac:dyDescent="0.2">
      <c r="B21" s="36" t="s">
        <v>126</v>
      </c>
    </row>
    <row r="22" spans="2:22" x14ac:dyDescent="0.2">
      <c r="B22" s="50" t="s">
        <v>59</v>
      </c>
      <c r="C22" s="46"/>
      <c r="D22" s="46"/>
      <c r="E22" s="46"/>
      <c r="F22" s="46"/>
      <c r="G22" s="46"/>
      <c r="H22" s="46"/>
      <c r="I22" s="46"/>
      <c r="J22" s="46"/>
      <c r="K22" s="46"/>
      <c r="L22" s="46"/>
      <c r="M22" s="46"/>
      <c r="N22" s="46"/>
      <c r="O22" s="46"/>
      <c r="P22" s="46"/>
      <c r="Q22" s="46"/>
      <c r="R22" s="46"/>
      <c r="S22" s="46"/>
      <c r="T22" s="46"/>
      <c r="U22" s="46"/>
      <c r="V22" s="46"/>
    </row>
  </sheetData>
  <mergeCells count="1">
    <mergeCell ref="B22:V22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92"/>
  <sheetViews>
    <sheetView rightToLeft="1" topLeftCell="A76" workbookViewId="0"/>
  </sheetViews>
  <sheetFormatPr defaultRowHeight="14.25" x14ac:dyDescent="0.2"/>
  <cols>
    <col min="1" max="1" width="3" customWidth="1"/>
    <col min="2" max="2" width="34" customWidth="1"/>
    <col min="3" max="3" width="14" customWidth="1"/>
    <col min="4" max="5" width="11" customWidth="1"/>
    <col min="6" max="6" width="12" customWidth="1"/>
    <col min="7" max="7" width="42" customWidth="1"/>
    <col min="8" max="8" width="16" customWidth="1"/>
    <col min="9" max="10" width="12" customWidth="1"/>
    <col min="11" max="11" width="14" customWidth="1"/>
    <col min="12" max="12" width="10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152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3" t="s">
        <v>144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2:16" x14ac:dyDescent="0.2">
      <c r="B8" s="1" t="s">
        <v>61</v>
      </c>
      <c r="C8" s="1" t="s">
        <v>62</v>
      </c>
      <c r="D8" s="1" t="s">
        <v>103</v>
      </c>
      <c r="E8" s="1" t="s">
        <v>128</v>
      </c>
      <c r="F8" s="1" t="s">
        <v>63</v>
      </c>
      <c r="G8" s="1" t="s">
        <v>129</v>
      </c>
      <c r="H8" s="1" t="s">
        <v>66</v>
      </c>
      <c r="I8" s="1" t="s">
        <v>106</v>
      </c>
      <c r="J8" s="1" t="s">
        <v>107</v>
      </c>
      <c r="K8" s="1" t="s">
        <v>145</v>
      </c>
      <c r="L8" s="1" t="s">
        <v>69</v>
      </c>
      <c r="M8" s="1" t="s">
        <v>109</v>
      </c>
      <c r="N8" s="1" t="s">
        <v>70</v>
      </c>
      <c r="O8" s="1" t="s">
        <v>110</v>
      </c>
      <c r="P8" s="1" t="s">
        <v>7</v>
      </c>
    </row>
    <row r="9" spans="2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12</v>
      </c>
      <c r="J9" s="1" t="s">
        <v>113</v>
      </c>
      <c r="K9" s="1" t="s">
        <v>11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2:16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7</v>
      </c>
    </row>
    <row r="11" spans="2:16" x14ac:dyDescent="0.2">
      <c r="B11" s="1" t="s">
        <v>146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39">
        <v>191953.6</v>
      </c>
      <c r="J11" s="1" t="s">
        <v>7</v>
      </c>
      <c r="K11" s="39">
        <v>0.36</v>
      </c>
      <c r="L11" s="39">
        <v>9243.9699999999993</v>
      </c>
      <c r="M11" s="1" t="s">
        <v>7</v>
      </c>
      <c r="N11" s="38">
        <v>1</v>
      </c>
      <c r="O11" s="38">
        <v>0.31659999999999999</v>
      </c>
      <c r="P11" s="1" t="s">
        <v>7</v>
      </c>
    </row>
    <row r="12" spans="2:16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39">
        <v>172658.6</v>
      </c>
      <c r="J12" s="1" t="s">
        <v>7</v>
      </c>
      <c r="K12" s="39">
        <v>0.16</v>
      </c>
      <c r="L12" s="39">
        <v>3287.61</v>
      </c>
      <c r="M12" s="1" t="s">
        <v>7</v>
      </c>
      <c r="N12" s="38">
        <v>0.35560000000000003</v>
      </c>
      <c r="O12" s="38">
        <v>0.11260000000000001</v>
      </c>
      <c r="P12" s="1" t="s">
        <v>7</v>
      </c>
    </row>
    <row r="13" spans="2:16" x14ac:dyDescent="0.2">
      <c r="B13" s="1" t="s">
        <v>147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39">
        <v>77036.460000000006</v>
      </c>
      <c r="J13" s="1" t="s">
        <v>7</v>
      </c>
      <c r="K13" s="39">
        <v>0.16</v>
      </c>
      <c r="L13" s="39">
        <v>2432.71</v>
      </c>
      <c r="M13" s="1" t="s">
        <v>7</v>
      </c>
      <c r="N13" s="44">
        <v>0.26319999999999999</v>
      </c>
      <c r="O13" s="44">
        <v>8.3299999999999999E-2</v>
      </c>
      <c r="P13" s="1" t="s">
        <v>7</v>
      </c>
    </row>
    <row r="14" spans="2:16" x14ac:dyDescent="0.2">
      <c r="B14" s="40" t="s">
        <v>148</v>
      </c>
      <c r="C14" s="41">
        <v>1081124</v>
      </c>
      <c r="D14" s="40" t="s">
        <v>149</v>
      </c>
      <c r="E14" s="40" t="s">
        <v>150</v>
      </c>
      <c r="F14" s="41">
        <v>520043027</v>
      </c>
      <c r="G14" s="40" t="s">
        <v>151</v>
      </c>
      <c r="H14" s="40" t="s">
        <v>86</v>
      </c>
      <c r="I14" s="43">
        <v>108</v>
      </c>
      <c r="J14" s="43">
        <v>53900</v>
      </c>
      <c r="K14" s="43">
        <v>0.16</v>
      </c>
      <c r="L14" s="43">
        <v>58.37</v>
      </c>
      <c r="M14" s="42">
        <v>0</v>
      </c>
      <c r="N14" s="42">
        <v>6.3E-3</v>
      </c>
      <c r="O14" s="42">
        <v>2E-3</v>
      </c>
      <c r="P14" s="40" t="s">
        <v>7</v>
      </c>
    </row>
    <row r="15" spans="2:16" x14ac:dyDescent="0.2">
      <c r="B15" s="40" t="s">
        <v>152</v>
      </c>
      <c r="C15" s="41">
        <v>273011</v>
      </c>
      <c r="D15" s="40" t="s">
        <v>149</v>
      </c>
      <c r="E15" s="40" t="s">
        <v>150</v>
      </c>
      <c r="F15" s="41">
        <v>520036872</v>
      </c>
      <c r="G15" s="40" t="s">
        <v>153</v>
      </c>
      <c r="H15" s="40" t="s">
        <v>86</v>
      </c>
      <c r="I15" s="43">
        <v>153</v>
      </c>
      <c r="J15" s="43">
        <v>95170</v>
      </c>
      <c r="K15" s="43">
        <v>0</v>
      </c>
      <c r="L15" s="43">
        <v>145.61000000000001</v>
      </c>
      <c r="M15" s="42">
        <v>0</v>
      </c>
      <c r="N15" s="42">
        <v>1.5699999999999999E-2</v>
      </c>
      <c r="O15" s="42">
        <v>5.0000000000000001E-3</v>
      </c>
      <c r="P15" s="40" t="s">
        <v>7</v>
      </c>
    </row>
    <row r="16" spans="2:16" x14ac:dyDescent="0.2">
      <c r="B16" s="40" t="s">
        <v>154</v>
      </c>
      <c r="C16" s="41">
        <v>1097278</v>
      </c>
      <c r="D16" s="40" t="s">
        <v>149</v>
      </c>
      <c r="E16" s="40" t="s">
        <v>150</v>
      </c>
      <c r="F16" s="41">
        <v>520026683</v>
      </c>
      <c r="G16" s="40" t="s">
        <v>155</v>
      </c>
      <c r="H16" s="40" t="s">
        <v>86</v>
      </c>
      <c r="I16" s="43">
        <v>840</v>
      </c>
      <c r="J16" s="43">
        <v>2528</v>
      </c>
      <c r="K16" s="43">
        <v>0</v>
      </c>
      <c r="L16" s="43">
        <v>21.23</v>
      </c>
      <c r="M16" s="42">
        <v>0</v>
      </c>
      <c r="N16" s="42">
        <v>2.3E-3</v>
      </c>
      <c r="O16" s="42">
        <v>6.9999999999999999E-4</v>
      </c>
      <c r="P16" s="40" t="s">
        <v>7</v>
      </c>
    </row>
    <row r="17" spans="2:16" x14ac:dyDescent="0.2">
      <c r="B17" s="40" t="s">
        <v>156</v>
      </c>
      <c r="C17" s="41">
        <v>226019</v>
      </c>
      <c r="D17" s="40" t="s">
        <v>149</v>
      </c>
      <c r="E17" s="40" t="s">
        <v>150</v>
      </c>
      <c r="F17" s="41">
        <v>520024126</v>
      </c>
      <c r="G17" s="40" t="s">
        <v>155</v>
      </c>
      <c r="H17" s="40" t="s">
        <v>86</v>
      </c>
      <c r="I17" s="43">
        <v>6470.46</v>
      </c>
      <c r="J17" s="43">
        <v>1338</v>
      </c>
      <c r="K17" s="43">
        <v>0</v>
      </c>
      <c r="L17" s="43">
        <v>86.57</v>
      </c>
      <c r="M17" s="42">
        <v>0</v>
      </c>
      <c r="N17" s="42">
        <v>9.4000000000000004E-3</v>
      </c>
      <c r="O17" s="42">
        <v>3.0000000000000001E-3</v>
      </c>
      <c r="P17" s="40" t="s">
        <v>7</v>
      </c>
    </row>
    <row r="18" spans="2:16" x14ac:dyDescent="0.2">
      <c r="B18" s="40" t="s">
        <v>157</v>
      </c>
      <c r="C18" s="41">
        <v>323014</v>
      </c>
      <c r="D18" s="40" t="s">
        <v>149</v>
      </c>
      <c r="E18" s="40" t="s">
        <v>150</v>
      </c>
      <c r="F18" s="41">
        <v>520037789</v>
      </c>
      <c r="G18" s="40" t="s">
        <v>155</v>
      </c>
      <c r="H18" s="40" t="s">
        <v>86</v>
      </c>
      <c r="I18" s="43">
        <v>132</v>
      </c>
      <c r="J18" s="43">
        <v>29000</v>
      </c>
      <c r="K18" s="43">
        <v>0</v>
      </c>
      <c r="L18" s="43">
        <v>38.28</v>
      </c>
      <c r="M18" s="42">
        <v>0</v>
      </c>
      <c r="N18" s="42">
        <v>4.1000000000000003E-3</v>
      </c>
      <c r="O18" s="42">
        <v>1.2999999999999999E-3</v>
      </c>
      <c r="P18" s="40" t="s">
        <v>7</v>
      </c>
    </row>
    <row r="19" spans="2:16" x14ac:dyDescent="0.2">
      <c r="B19" s="40" t="s">
        <v>158</v>
      </c>
      <c r="C19" s="41">
        <v>1119478</v>
      </c>
      <c r="D19" s="40" t="s">
        <v>149</v>
      </c>
      <c r="E19" s="40" t="s">
        <v>150</v>
      </c>
      <c r="F19" s="41">
        <v>510960719</v>
      </c>
      <c r="G19" s="40" t="s">
        <v>155</v>
      </c>
      <c r="H19" s="40" t="s">
        <v>86</v>
      </c>
      <c r="I19" s="43">
        <v>466</v>
      </c>
      <c r="J19" s="43">
        <v>29700</v>
      </c>
      <c r="K19" s="43">
        <v>0</v>
      </c>
      <c r="L19" s="43">
        <v>138.4</v>
      </c>
      <c r="M19" s="42">
        <v>0</v>
      </c>
      <c r="N19" s="42">
        <v>1.4999999999999999E-2</v>
      </c>
      <c r="O19" s="42">
        <v>4.7000000000000002E-3</v>
      </c>
      <c r="P19" s="40" t="s">
        <v>7</v>
      </c>
    </row>
    <row r="20" spans="2:16" x14ac:dyDescent="0.2">
      <c r="B20" s="40" t="s">
        <v>159</v>
      </c>
      <c r="C20" s="41">
        <v>739037</v>
      </c>
      <c r="D20" s="40" t="s">
        <v>149</v>
      </c>
      <c r="E20" s="40" t="s">
        <v>150</v>
      </c>
      <c r="F20" s="41">
        <v>520028911</v>
      </c>
      <c r="G20" s="40" t="s">
        <v>160</v>
      </c>
      <c r="H20" s="40" t="s">
        <v>86</v>
      </c>
      <c r="I20" s="43">
        <v>18</v>
      </c>
      <c r="J20" s="43">
        <v>215800</v>
      </c>
      <c r="K20" s="43">
        <v>0</v>
      </c>
      <c r="L20" s="43">
        <v>38.840000000000003</v>
      </c>
      <c r="M20" s="42">
        <v>0</v>
      </c>
      <c r="N20" s="42">
        <v>4.1999999999999997E-3</v>
      </c>
      <c r="O20" s="42">
        <v>1.2999999999999999E-3</v>
      </c>
      <c r="P20" s="40" t="s">
        <v>7</v>
      </c>
    </row>
    <row r="21" spans="2:16" x14ac:dyDescent="0.2">
      <c r="B21" s="40" t="s">
        <v>161</v>
      </c>
      <c r="C21" s="41">
        <v>1123355</v>
      </c>
      <c r="D21" s="40" t="s">
        <v>149</v>
      </c>
      <c r="E21" s="40" t="s">
        <v>150</v>
      </c>
      <c r="F21" s="41">
        <v>513901371</v>
      </c>
      <c r="G21" s="40" t="s">
        <v>162</v>
      </c>
      <c r="H21" s="40" t="s">
        <v>86</v>
      </c>
      <c r="I21" s="43">
        <v>10311</v>
      </c>
      <c r="J21" s="43">
        <v>1325</v>
      </c>
      <c r="K21" s="43">
        <v>0</v>
      </c>
      <c r="L21" s="43">
        <v>136.62</v>
      </c>
      <c r="M21" s="42">
        <v>0</v>
      </c>
      <c r="N21" s="42">
        <v>1.4800000000000001E-2</v>
      </c>
      <c r="O21" s="42">
        <v>4.7000000000000002E-3</v>
      </c>
      <c r="P21" s="40" t="s">
        <v>7</v>
      </c>
    </row>
    <row r="22" spans="2:16" x14ac:dyDescent="0.2">
      <c r="B22" s="40" t="s">
        <v>163</v>
      </c>
      <c r="C22" s="41">
        <v>1091065</v>
      </c>
      <c r="D22" s="40" t="s">
        <v>149</v>
      </c>
      <c r="E22" s="40" t="s">
        <v>150</v>
      </c>
      <c r="F22" s="41">
        <v>511527202</v>
      </c>
      <c r="G22" s="40" t="s">
        <v>164</v>
      </c>
      <c r="H22" s="40" t="s">
        <v>86</v>
      </c>
      <c r="I22" s="43">
        <v>880</v>
      </c>
      <c r="J22" s="43">
        <v>7680</v>
      </c>
      <c r="K22" s="43">
        <v>0</v>
      </c>
      <c r="L22" s="43">
        <v>67.58</v>
      </c>
      <c r="M22" s="42">
        <v>0</v>
      </c>
      <c r="N22" s="42">
        <v>7.3000000000000001E-3</v>
      </c>
      <c r="O22" s="42">
        <v>2.3E-3</v>
      </c>
      <c r="P22" s="40" t="s">
        <v>7</v>
      </c>
    </row>
    <row r="23" spans="2:16" x14ac:dyDescent="0.2">
      <c r="B23" s="40" t="s">
        <v>165</v>
      </c>
      <c r="C23" s="41">
        <v>777037</v>
      </c>
      <c r="D23" s="40" t="s">
        <v>149</v>
      </c>
      <c r="E23" s="40" t="s">
        <v>150</v>
      </c>
      <c r="F23" s="41">
        <v>520022732</v>
      </c>
      <c r="G23" s="40" t="s">
        <v>166</v>
      </c>
      <c r="H23" s="40" t="s">
        <v>86</v>
      </c>
      <c r="I23" s="43">
        <v>2350</v>
      </c>
      <c r="J23" s="43">
        <v>2590</v>
      </c>
      <c r="K23" s="43">
        <v>0</v>
      </c>
      <c r="L23" s="43">
        <v>60.86</v>
      </c>
      <c r="M23" s="42">
        <v>0</v>
      </c>
      <c r="N23" s="42">
        <v>6.6E-3</v>
      </c>
      <c r="O23" s="42">
        <v>2.0999999999999999E-3</v>
      </c>
      <c r="P23" s="40" t="s">
        <v>7</v>
      </c>
    </row>
    <row r="24" spans="2:16" x14ac:dyDescent="0.2">
      <c r="B24" s="40" t="s">
        <v>167</v>
      </c>
      <c r="C24" s="41">
        <v>691212</v>
      </c>
      <c r="D24" s="40" t="s">
        <v>149</v>
      </c>
      <c r="E24" s="40" t="s">
        <v>150</v>
      </c>
      <c r="F24" s="41">
        <v>520007030</v>
      </c>
      <c r="G24" s="40" t="s">
        <v>168</v>
      </c>
      <c r="H24" s="40" t="s">
        <v>86</v>
      </c>
      <c r="I24" s="43">
        <v>19199</v>
      </c>
      <c r="J24" s="43">
        <v>2094</v>
      </c>
      <c r="K24" s="43">
        <v>0</v>
      </c>
      <c r="L24" s="43">
        <v>402.03</v>
      </c>
      <c r="M24" s="42">
        <v>0</v>
      </c>
      <c r="N24" s="42">
        <v>4.3499999999999997E-2</v>
      </c>
      <c r="O24" s="42">
        <v>1.38E-2</v>
      </c>
      <c r="P24" s="40" t="s">
        <v>7</v>
      </c>
    </row>
    <row r="25" spans="2:16" x14ac:dyDescent="0.2">
      <c r="B25" s="40" t="s">
        <v>169</v>
      </c>
      <c r="C25" s="41">
        <v>604611</v>
      </c>
      <c r="D25" s="40" t="s">
        <v>149</v>
      </c>
      <c r="E25" s="40" t="s">
        <v>150</v>
      </c>
      <c r="F25" s="41">
        <v>520018078</v>
      </c>
      <c r="G25" s="40" t="s">
        <v>168</v>
      </c>
      <c r="H25" s="40" t="s">
        <v>86</v>
      </c>
      <c r="I25" s="43">
        <v>11448</v>
      </c>
      <c r="J25" s="43">
        <v>3345</v>
      </c>
      <c r="K25" s="43">
        <v>0</v>
      </c>
      <c r="L25" s="43">
        <v>382.94</v>
      </c>
      <c r="M25" s="42">
        <v>0</v>
      </c>
      <c r="N25" s="42">
        <v>4.1399999999999999E-2</v>
      </c>
      <c r="O25" s="42">
        <v>1.3100000000000001E-2</v>
      </c>
      <c r="P25" s="40" t="s">
        <v>7</v>
      </c>
    </row>
    <row r="26" spans="2:16" x14ac:dyDescent="0.2">
      <c r="B26" s="40" t="s">
        <v>170</v>
      </c>
      <c r="C26" s="41">
        <v>695437</v>
      </c>
      <c r="D26" s="40" t="s">
        <v>149</v>
      </c>
      <c r="E26" s="40" t="s">
        <v>150</v>
      </c>
      <c r="F26" s="41">
        <v>520000522</v>
      </c>
      <c r="G26" s="40" t="s">
        <v>168</v>
      </c>
      <c r="H26" s="40" t="s">
        <v>86</v>
      </c>
      <c r="I26" s="43">
        <v>2465</v>
      </c>
      <c r="J26" s="43">
        <v>12000</v>
      </c>
      <c r="K26" s="43">
        <v>0</v>
      </c>
      <c r="L26" s="43">
        <v>295.8</v>
      </c>
      <c r="M26" s="42">
        <v>0</v>
      </c>
      <c r="N26" s="42">
        <v>3.2000000000000001E-2</v>
      </c>
      <c r="O26" s="42">
        <v>1.01E-2</v>
      </c>
      <c r="P26" s="40" t="s">
        <v>7</v>
      </c>
    </row>
    <row r="27" spans="2:16" x14ac:dyDescent="0.2">
      <c r="B27" s="40" t="s">
        <v>171</v>
      </c>
      <c r="C27" s="41">
        <v>662577</v>
      </c>
      <c r="D27" s="40" t="s">
        <v>149</v>
      </c>
      <c r="E27" s="40" t="s">
        <v>150</v>
      </c>
      <c r="F27" s="41">
        <v>520000118</v>
      </c>
      <c r="G27" s="40" t="s">
        <v>168</v>
      </c>
      <c r="H27" s="40" t="s">
        <v>86</v>
      </c>
      <c r="I27" s="43">
        <v>14543</v>
      </c>
      <c r="J27" s="43">
        <v>3210</v>
      </c>
      <c r="K27" s="43">
        <v>0</v>
      </c>
      <c r="L27" s="43">
        <v>466.83</v>
      </c>
      <c r="M27" s="42">
        <v>0</v>
      </c>
      <c r="N27" s="42">
        <v>5.0500000000000003E-2</v>
      </c>
      <c r="O27" s="42">
        <v>1.6E-2</v>
      </c>
      <c r="P27" s="40" t="s">
        <v>7</v>
      </c>
    </row>
    <row r="28" spans="2:16" x14ac:dyDescent="0.2">
      <c r="B28" s="40" t="s">
        <v>172</v>
      </c>
      <c r="C28" s="41">
        <v>767012</v>
      </c>
      <c r="D28" s="40" t="s">
        <v>149</v>
      </c>
      <c r="E28" s="40" t="s">
        <v>150</v>
      </c>
      <c r="F28" s="41">
        <v>520017450</v>
      </c>
      <c r="G28" s="40" t="s">
        <v>173</v>
      </c>
      <c r="H28" s="40" t="s">
        <v>86</v>
      </c>
      <c r="I28" s="43">
        <v>1522</v>
      </c>
      <c r="J28" s="43">
        <v>4023</v>
      </c>
      <c r="K28" s="43">
        <v>0</v>
      </c>
      <c r="L28" s="43">
        <v>61.23</v>
      </c>
      <c r="M28" s="42">
        <v>0</v>
      </c>
      <c r="N28" s="42">
        <v>6.6E-3</v>
      </c>
      <c r="O28" s="42">
        <v>2.0999999999999999E-3</v>
      </c>
      <c r="P28" s="40" t="s">
        <v>7</v>
      </c>
    </row>
    <row r="29" spans="2:16" x14ac:dyDescent="0.2">
      <c r="B29" s="40" t="s">
        <v>174</v>
      </c>
      <c r="C29" s="41">
        <v>230011</v>
      </c>
      <c r="D29" s="40" t="s">
        <v>149</v>
      </c>
      <c r="E29" s="40" t="s">
        <v>150</v>
      </c>
      <c r="F29" s="41">
        <v>520031931</v>
      </c>
      <c r="G29" s="40" t="s">
        <v>175</v>
      </c>
      <c r="H29" s="40" t="s">
        <v>86</v>
      </c>
      <c r="I29" s="43">
        <v>6131</v>
      </c>
      <c r="J29" s="43">
        <v>513.9</v>
      </c>
      <c r="K29" s="43">
        <v>0</v>
      </c>
      <c r="L29" s="43">
        <v>31.51</v>
      </c>
      <c r="M29" s="42">
        <v>0</v>
      </c>
      <c r="N29" s="42">
        <v>3.3999999999999998E-3</v>
      </c>
      <c r="O29" s="42">
        <v>1.1000000000000001E-3</v>
      </c>
      <c r="P29" s="40" t="s">
        <v>7</v>
      </c>
    </row>
    <row r="30" spans="2:16" x14ac:dyDescent="0.2">
      <c r="B30" s="1" t="s">
        <v>176</v>
      </c>
      <c r="C30" s="1" t="s">
        <v>7</v>
      </c>
      <c r="D30" s="1" t="s">
        <v>7</v>
      </c>
      <c r="E30" s="1" t="s">
        <v>7</v>
      </c>
      <c r="F30" s="1" t="s">
        <v>7</v>
      </c>
      <c r="G30" s="1" t="s">
        <v>7</v>
      </c>
      <c r="H30" s="1" t="s">
        <v>7</v>
      </c>
      <c r="I30" s="39">
        <v>87407.14</v>
      </c>
      <c r="J30" s="1" t="s">
        <v>7</v>
      </c>
      <c r="K30" s="39">
        <v>0</v>
      </c>
      <c r="L30" s="39">
        <v>734.73</v>
      </c>
      <c r="M30" s="1" t="s">
        <v>7</v>
      </c>
      <c r="N30" s="38">
        <v>7.9500000000000001E-2</v>
      </c>
      <c r="O30" s="38">
        <v>2.52E-2</v>
      </c>
      <c r="P30" s="1" t="s">
        <v>7</v>
      </c>
    </row>
    <row r="31" spans="2:16" x14ac:dyDescent="0.2">
      <c r="B31" s="40" t="s">
        <v>177</v>
      </c>
      <c r="C31" s="41">
        <v>161018</v>
      </c>
      <c r="D31" s="40" t="s">
        <v>149</v>
      </c>
      <c r="E31" s="40" t="s">
        <v>150</v>
      </c>
      <c r="F31" s="41">
        <v>520034695</v>
      </c>
      <c r="G31" s="40" t="s">
        <v>178</v>
      </c>
      <c r="H31" s="40" t="s">
        <v>86</v>
      </c>
      <c r="I31" s="43">
        <v>470</v>
      </c>
      <c r="J31" s="43">
        <v>6190</v>
      </c>
      <c r="K31" s="43">
        <v>0</v>
      </c>
      <c r="L31" s="43">
        <v>29.09</v>
      </c>
      <c r="M31" s="42">
        <v>0</v>
      </c>
      <c r="N31" s="42">
        <v>3.0999999999999999E-3</v>
      </c>
      <c r="O31" s="42">
        <v>1E-3</v>
      </c>
      <c r="P31" s="40" t="s">
        <v>7</v>
      </c>
    </row>
    <row r="32" spans="2:16" x14ac:dyDescent="0.2">
      <c r="B32" s="40" t="s">
        <v>179</v>
      </c>
      <c r="C32" s="41">
        <v>445015</v>
      </c>
      <c r="D32" s="40" t="s">
        <v>149</v>
      </c>
      <c r="E32" s="40" t="s">
        <v>150</v>
      </c>
      <c r="F32" s="41">
        <v>520039413</v>
      </c>
      <c r="G32" s="40" t="s">
        <v>178</v>
      </c>
      <c r="H32" s="40" t="s">
        <v>86</v>
      </c>
      <c r="I32" s="43">
        <v>751</v>
      </c>
      <c r="J32" s="43">
        <v>9445</v>
      </c>
      <c r="K32" s="43">
        <v>0</v>
      </c>
      <c r="L32" s="43">
        <v>70.930000000000007</v>
      </c>
      <c r="M32" s="42">
        <v>0</v>
      </c>
      <c r="N32" s="42">
        <v>7.7000000000000002E-3</v>
      </c>
      <c r="O32" s="42">
        <v>2.3999999999999998E-3</v>
      </c>
      <c r="P32" s="40" t="s">
        <v>7</v>
      </c>
    </row>
    <row r="33" spans="2:16" x14ac:dyDescent="0.2">
      <c r="B33" s="40" t="s">
        <v>180</v>
      </c>
      <c r="C33" s="41">
        <v>256016</v>
      </c>
      <c r="D33" s="40" t="s">
        <v>149</v>
      </c>
      <c r="E33" s="40" t="s">
        <v>150</v>
      </c>
      <c r="F33" s="41">
        <v>520036690</v>
      </c>
      <c r="G33" s="40" t="s">
        <v>178</v>
      </c>
      <c r="H33" s="40" t="s">
        <v>86</v>
      </c>
      <c r="I33" s="43">
        <v>132</v>
      </c>
      <c r="J33" s="43">
        <v>37980</v>
      </c>
      <c r="K33" s="43">
        <v>0</v>
      </c>
      <c r="L33" s="43">
        <v>50.13</v>
      </c>
      <c r="M33" s="42">
        <v>0</v>
      </c>
      <c r="N33" s="42">
        <v>5.4000000000000003E-3</v>
      </c>
      <c r="O33" s="42">
        <v>1.6999999999999999E-3</v>
      </c>
      <c r="P33" s="40" t="s">
        <v>7</v>
      </c>
    </row>
    <row r="34" spans="2:16" x14ac:dyDescent="0.2">
      <c r="B34" s="40" t="s">
        <v>181</v>
      </c>
      <c r="C34" s="41">
        <v>1090315</v>
      </c>
      <c r="D34" s="40" t="s">
        <v>149</v>
      </c>
      <c r="E34" s="40" t="s">
        <v>150</v>
      </c>
      <c r="F34" s="41">
        <v>511399388</v>
      </c>
      <c r="G34" s="40" t="s">
        <v>182</v>
      </c>
      <c r="H34" s="40" t="s">
        <v>86</v>
      </c>
      <c r="I34" s="43">
        <v>314</v>
      </c>
      <c r="J34" s="43">
        <v>30230</v>
      </c>
      <c r="K34" s="43">
        <v>0</v>
      </c>
      <c r="L34" s="43">
        <v>94.92</v>
      </c>
      <c r="M34" s="42">
        <v>0</v>
      </c>
      <c r="N34" s="42">
        <v>1.03E-2</v>
      </c>
      <c r="O34" s="42">
        <v>3.2000000000000002E-3</v>
      </c>
      <c r="P34" s="40" t="s">
        <v>7</v>
      </c>
    </row>
    <row r="35" spans="2:16" x14ac:dyDescent="0.2">
      <c r="B35" s="40" t="s">
        <v>183</v>
      </c>
      <c r="C35" s="41">
        <v>434019</v>
      </c>
      <c r="D35" s="40" t="s">
        <v>149</v>
      </c>
      <c r="E35" s="40" t="s">
        <v>150</v>
      </c>
      <c r="F35" s="41">
        <v>520039298</v>
      </c>
      <c r="G35" s="40" t="s">
        <v>182</v>
      </c>
      <c r="H35" s="40" t="s">
        <v>86</v>
      </c>
      <c r="I35" s="43">
        <v>3500</v>
      </c>
      <c r="J35" s="43">
        <v>2005</v>
      </c>
      <c r="K35" s="43">
        <v>0</v>
      </c>
      <c r="L35" s="43">
        <v>70.17</v>
      </c>
      <c r="M35" s="42">
        <v>0</v>
      </c>
      <c r="N35" s="42">
        <v>7.6E-3</v>
      </c>
      <c r="O35" s="42">
        <v>2.3999999999999998E-3</v>
      </c>
      <c r="P35" s="40" t="s">
        <v>7</v>
      </c>
    </row>
    <row r="36" spans="2:16" x14ac:dyDescent="0.2">
      <c r="B36" s="40" t="s">
        <v>184</v>
      </c>
      <c r="C36" s="41">
        <v>1140573</v>
      </c>
      <c r="D36" s="40" t="s">
        <v>149</v>
      </c>
      <c r="E36" s="40" t="s">
        <v>150</v>
      </c>
      <c r="F36" s="41">
        <v>515327120</v>
      </c>
      <c r="G36" s="40" t="s">
        <v>155</v>
      </c>
      <c r="H36" s="40" t="s">
        <v>86</v>
      </c>
      <c r="I36" s="43">
        <v>24500</v>
      </c>
      <c r="J36" s="43">
        <v>228.7</v>
      </c>
      <c r="K36" s="43">
        <v>0</v>
      </c>
      <c r="L36" s="43">
        <v>56.03</v>
      </c>
      <c r="M36" s="42">
        <v>0</v>
      </c>
      <c r="N36" s="42">
        <v>6.1000000000000004E-3</v>
      </c>
      <c r="O36" s="42">
        <v>1.9E-3</v>
      </c>
      <c r="P36" s="40" t="s">
        <v>7</v>
      </c>
    </row>
    <row r="37" spans="2:16" x14ac:dyDescent="0.2">
      <c r="B37" s="40" t="s">
        <v>185</v>
      </c>
      <c r="C37" s="41">
        <v>699017</v>
      </c>
      <c r="D37" s="40" t="s">
        <v>149</v>
      </c>
      <c r="E37" s="40" t="s">
        <v>150</v>
      </c>
      <c r="F37" s="41">
        <v>520025438</v>
      </c>
      <c r="G37" s="40" t="s">
        <v>155</v>
      </c>
      <c r="H37" s="40" t="s">
        <v>86</v>
      </c>
      <c r="I37" s="43">
        <v>53</v>
      </c>
      <c r="J37" s="43">
        <v>44590</v>
      </c>
      <c r="K37" s="43">
        <v>0</v>
      </c>
      <c r="L37" s="43">
        <v>23.63</v>
      </c>
      <c r="M37" s="42">
        <v>0</v>
      </c>
      <c r="N37" s="42">
        <v>2.5999999999999999E-3</v>
      </c>
      <c r="O37" s="42">
        <v>8.0000000000000004E-4</v>
      </c>
      <c r="P37" s="40" t="s">
        <v>7</v>
      </c>
    </row>
    <row r="38" spans="2:16" x14ac:dyDescent="0.2">
      <c r="B38" s="40" t="s">
        <v>186</v>
      </c>
      <c r="C38" s="41">
        <v>1159037</v>
      </c>
      <c r="D38" s="40" t="s">
        <v>149</v>
      </c>
      <c r="E38" s="40" t="s">
        <v>150</v>
      </c>
      <c r="F38" s="41">
        <v>513173393</v>
      </c>
      <c r="G38" s="40" t="s">
        <v>187</v>
      </c>
      <c r="H38" s="40" t="s">
        <v>86</v>
      </c>
      <c r="I38" s="43">
        <v>635</v>
      </c>
      <c r="J38" s="43">
        <v>1680</v>
      </c>
      <c r="K38" s="43">
        <v>0</v>
      </c>
      <c r="L38" s="43">
        <v>10.67</v>
      </c>
      <c r="M38" s="42">
        <v>0</v>
      </c>
      <c r="N38" s="42">
        <v>1.1000000000000001E-3</v>
      </c>
      <c r="O38" s="42">
        <v>4.0000000000000002E-4</v>
      </c>
      <c r="P38" s="40" t="s">
        <v>7</v>
      </c>
    </row>
    <row r="39" spans="2:16" x14ac:dyDescent="0.2">
      <c r="B39" s="40" t="s">
        <v>188</v>
      </c>
      <c r="C39" s="41">
        <v>1157403</v>
      </c>
      <c r="D39" s="40" t="s">
        <v>149</v>
      </c>
      <c r="E39" s="40" t="s">
        <v>150</v>
      </c>
      <c r="F39" s="41">
        <v>510706153</v>
      </c>
      <c r="G39" s="40" t="s">
        <v>187</v>
      </c>
      <c r="H39" s="40" t="s">
        <v>86</v>
      </c>
      <c r="I39" s="43">
        <v>3089.14</v>
      </c>
      <c r="J39" s="43">
        <v>1535</v>
      </c>
      <c r="K39" s="43">
        <v>0</v>
      </c>
      <c r="L39" s="43">
        <v>47.42</v>
      </c>
      <c r="M39" s="42">
        <v>0</v>
      </c>
      <c r="N39" s="42">
        <v>5.1000000000000004E-3</v>
      </c>
      <c r="O39" s="42">
        <v>1.6000000000000001E-3</v>
      </c>
      <c r="P39" s="40" t="s">
        <v>7</v>
      </c>
    </row>
    <row r="40" spans="2:16" x14ac:dyDescent="0.2">
      <c r="B40" s="40" t="s">
        <v>189</v>
      </c>
      <c r="C40" s="41">
        <v>1156926</v>
      </c>
      <c r="D40" s="40" t="s">
        <v>149</v>
      </c>
      <c r="E40" s="40" t="s">
        <v>150</v>
      </c>
      <c r="F40" s="41">
        <v>515846558</v>
      </c>
      <c r="G40" s="40" t="s">
        <v>160</v>
      </c>
      <c r="H40" s="40" t="s">
        <v>86</v>
      </c>
      <c r="I40" s="43">
        <v>41382</v>
      </c>
      <c r="J40" s="43">
        <v>109.8</v>
      </c>
      <c r="K40" s="43">
        <v>0</v>
      </c>
      <c r="L40" s="43">
        <v>45.44</v>
      </c>
      <c r="M40" s="42">
        <v>0</v>
      </c>
      <c r="N40" s="42">
        <v>4.8999999999999998E-3</v>
      </c>
      <c r="O40" s="42">
        <v>1.6000000000000001E-3</v>
      </c>
      <c r="P40" s="40" t="s">
        <v>7</v>
      </c>
    </row>
    <row r="41" spans="2:16" x14ac:dyDescent="0.2">
      <c r="B41" s="40" t="s">
        <v>190</v>
      </c>
      <c r="C41" s="41">
        <v>1134139</v>
      </c>
      <c r="D41" s="40" t="s">
        <v>149</v>
      </c>
      <c r="E41" s="40" t="s">
        <v>150</v>
      </c>
      <c r="F41" s="41">
        <v>201406588</v>
      </c>
      <c r="G41" s="40" t="s">
        <v>160</v>
      </c>
      <c r="H41" s="40" t="s">
        <v>86</v>
      </c>
      <c r="I41" s="43">
        <v>302</v>
      </c>
      <c r="J41" s="43">
        <v>15800</v>
      </c>
      <c r="K41" s="43">
        <v>0</v>
      </c>
      <c r="L41" s="43">
        <v>47.72</v>
      </c>
      <c r="M41" s="42">
        <v>0</v>
      </c>
      <c r="N41" s="42">
        <v>5.1999999999999998E-3</v>
      </c>
      <c r="O41" s="42">
        <v>1.6000000000000001E-3</v>
      </c>
      <c r="P41" s="40" t="s">
        <v>7</v>
      </c>
    </row>
    <row r="42" spans="2:16" x14ac:dyDescent="0.2">
      <c r="B42" s="40" t="s">
        <v>191</v>
      </c>
      <c r="C42" s="41">
        <v>720011</v>
      </c>
      <c r="D42" s="40" t="s">
        <v>149</v>
      </c>
      <c r="E42" s="40" t="s">
        <v>150</v>
      </c>
      <c r="F42" s="41">
        <v>520041146</v>
      </c>
      <c r="G42" s="40" t="s">
        <v>162</v>
      </c>
      <c r="H42" s="40" t="s">
        <v>86</v>
      </c>
      <c r="I42" s="43">
        <v>8591</v>
      </c>
      <c r="J42" s="43">
        <v>765.4</v>
      </c>
      <c r="K42" s="43">
        <v>0</v>
      </c>
      <c r="L42" s="43">
        <v>65.760000000000005</v>
      </c>
      <c r="M42" s="42">
        <v>0</v>
      </c>
      <c r="N42" s="42">
        <v>7.1000000000000004E-3</v>
      </c>
      <c r="O42" s="42">
        <v>2.2000000000000001E-3</v>
      </c>
      <c r="P42" s="40" t="s">
        <v>7</v>
      </c>
    </row>
    <row r="43" spans="2:16" x14ac:dyDescent="0.2">
      <c r="B43" s="40" t="s">
        <v>192</v>
      </c>
      <c r="C43" s="41">
        <v>1178714</v>
      </c>
      <c r="D43" s="40" t="s">
        <v>149</v>
      </c>
      <c r="E43" s="40" t="s">
        <v>150</v>
      </c>
      <c r="F43" s="41">
        <v>515722536</v>
      </c>
      <c r="G43" s="40" t="s">
        <v>166</v>
      </c>
      <c r="H43" s="40" t="s">
        <v>86</v>
      </c>
      <c r="I43" s="43">
        <v>1220</v>
      </c>
      <c r="J43" s="43">
        <v>1413</v>
      </c>
      <c r="K43" s="43">
        <v>0</v>
      </c>
      <c r="L43" s="43">
        <v>17.239999999999998</v>
      </c>
      <c r="M43" s="42">
        <v>0</v>
      </c>
      <c r="N43" s="42">
        <v>1.9E-3</v>
      </c>
      <c r="O43" s="42">
        <v>5.9999999999999995E-4</v>
      </c>
      <c r="P43" s="40" t="s">
        <v>7</v>
      </c>
    </row>
    <row r="44" spans="2:16" x14ac:dyDescent="0.2">
      <c r="B44" s="40" t="s">
        <v>193</v>
      </c>
      <c r="C44" s="41">
        <v>1087022</v>
      </c>
      <c r="D44" s="40" t="s">
        <v>149</v>
      </c>
      <c r="E44" s="40" t="s">
        <v>150</v>
      </c>
      <c r="F44" s="41">
        <v>512157603</v>
      </c>
      <c r="G44" s="40" t="s">
        <v>166</v>
      </c>
      <c r="H44" s="40" t="s">
        <v>86</v>
      </c>
      <c r="I44" s="43">
        <v>124</v>
      </c>
      <c r="J44" s="43">
        <v>55990</v>
      </c>
      <c r="K44" s="43">
        <v>0</v>
      </c>
      <c r="L44" s="43">
        <v>69.430000000000007</v>
      </c>
      <c r="M44" s="42">
        <v>0</v>
      </c>
      <c r="N44" s="42">
        <v>7.4999999999999997E-3</v>
      </c>
      <c r="O44" s="42">
        <v>2.3999999999999998E-3</v>
      </c>
      <c r="P44" s="40" t="s">
        <v>7</v>
      </c>
    </row>
    <row r="45" spans="2:16" x14ac:dyDescent="0.2">
      <c r="B45" s="40" t="s">
        <v>194</v>
      </c>
      <c r="C45" s="41">
        <v>1132356</v>
      </c>
      <c r="D45" s="40" t="s">
        <v>149</v>
      </c>
      <c r="E45" s="40" t="s">
        <v>150</v>
      </c>
      <c r="F45" s="41">
        <v>515001659</v>
      </c>
      <c r="G45" s="40" t="s">
        <v>195</v>
      </c>
      <c r="H45" s="40" t="s">
        <v>86</v>
      </c>
      <c r="I45" s="43">
        <v>2344</v>
      </c>
      <c r="J45" s="43">
        <v>1542</v>
      </c>
      <c r="K45" s="43">
        <v>0</v>
      </c>
      <c r="L45" s="43">
        <v>36.14</v>
      </c>
      <c r="M45" s="42">
        <v>0</v>
      </c>
      <c r="N45" s="42">
        <v>3.8999999999999998E-3</v>
      </c>
      <c r="O45" s="42">
        <v>1.1999999999999999E-3</v>
      </c>
      <c r="P45" s="40" t="s">
        <v>7</v>
      </c>
    </row>
    <row r="46" spans="2:16" x14ac:dyDescent="0.2">
      <c r="B46" s="1" t="s">
        <v>196</v>
      </c>
      <c r="C46" s="1" t="s">
        <v>7</v>
      </c>
      <c r="D46" s="1" t="s">
        <v>7</v>
      </c>
      <c r="E46" s="1" t="s">
        <v>7</v>
      </c>
      <c r="F46" s="1" t="s">
        <v>7</v>
      </c>
      <c r="G46" s="1" t="s">
        <v>7</v>
      </c>
      <c r="H46" s="1" t="s">
        <v>7</v>
      </c>
      <c r="I46" s="39">
        <v>8215</v>
      </c>
      <c r="J46" s="1" t="s">
        <v>7</v>
      </c>
      <c r="K46" s="39">
        <v>0</v>
      </c>
      <c r="L46" s="39">
        <v>120.17</v>
      </c>
      <c r="M46" s="1" t="s">
        <v>7</v>
      </c>
      <c r="N46" s="38">
        <v>1.2999999999999999E-2</v>
      </c>
      <c r="O46" s="38">
        <v>4.1000000000000003E-3</v>
      </c>
      <c r="P46" s="1" t="s">
        <v>7</v>
      </c>
    </row>
    <row r="47" spans="2:16" x14ac:dyDescent="0.2">
      <c r="B47" s="40" t="s">
        <v>197</v>
      </c>
      <c r="C47" s="41">
        <v>1141464</v>
      </c>
      <c r="D47" s="40" t="s">
        <v>149</v>
      </c>
      <c r="E47" s="40" t="s">
        <v>150</v>
      </c>
      <c r="F47" s="41">
        <v>513834606</v>
      </c>
      <c r="G47" s="40" t="s">
        <v>187</v>
      </c>
      <c r="H47" s="40" t="s">
        <v>86</v>
      </c>
      <c r="I47" s="43">
        <v>8000</v>
      </c>
      <c r="J47" s="43">
        <v>1319</v>
      </c>
      <c r="K47" s="43">
        <v>0</v>
      </c>
      <c r="L47" s="43">
        <v>105.52</v>
      </c>
      <c r="M47" s="42">
        <v>1E-4</v>
      </c>
      <c r="N47" s="42">
        <v>1.14E-2</v>
      </c>
      <c r="O47" s="42">
        <v>3.5999999999999999E-3</v>
      </c>
      <c r="P47" s="40" t="s">
        <v>7</v>
      </c>
    </row>
    <row r="48" spans="2:16" x14ac:dyDescent="0.2">
      <c r="B48" s="40" t="s">
        <v>198</v>
      </c>
      <c r="C48" s="41">
        <v>1081561</v>
      </c>
      <c r="D48" s="40" t="s">
        <v>149</v>
      </c>
      <c r="E48" s="40" t="s">
        <v>150</v>
      </c>
      <c r="F48" s="41">
        <v>520043480</v>
      </c>
      <c r="G48" s="40" t="s">
        <v>195</v>
      </c>
      <c r="H48" s="40" t="s">
        <v>86</v>
      </c>
      <c r="I48" s="43">
        <v>215</v>
      </c>
      <c r="J48" s="43">
        <v>6816</v>
      </c>
      <c r="K48" s="43">
        <v>0</v>
      </c>
      <c r="L48" s="43">
        <v>14.65</v>
      </c>
      <c r="M48" s="42">
        <v>0</v>
      </c>
      <c r="N48" s="42">
        <v>1.6000000000000001E-3</v>
      </c>
      <c r="O48" s="42">
        <v>5.0000000000000001E-4</v>
      </c>
      <c r="P48" s="40" t="s">
        <v>7</v>
      </c>
    </row>
    <row r="49" spans="2:16" x14ac:dyDescent="0.2">
      <c r="B49" s="1" t="s">
        <v>199</v>
      </c>
      <c r="C49" s="1" t="s">
        <v>7</v>
      </c>
      <c r="D49" s="1" t="s">
        <v>7</v>
      </c>
      <c r="E49" s="1" t="s">
        <v>7</v>
      </c>
      <c r="F49" s="1" t="s">
        <v>7</v>
      </c>
      <c r="G49" s="1" t="s">
        <v>7</v>
      </c>
      <c r="H49" s="1" t="s">
        <v>7</v>
      </c>
      <c r="I49" s="39">
        <v>0</v>
      </c>
      <c r="J49" s="1" t="s">
        <v>7</v>
      </c>
      <c r="K49" s="39">
        <v>0</v>
      </c>
      <c r="L49" s="39">
        <v>0</v>
      </c>
      <c r="M49" s="1" t="s">
        <v>7</v>
      </c>
      <c r="N49" s="38">
        <v>0</v>
      </c>
      <c r="O49" s="38">
        <v>0</v>
      </c>
      <c r="P49" s="1" t="s">
        <v>7</v>
      </c>
    </row>
    <row r="50" spans="2:16" x14ac:dyDescent="0.2">
      <c r="B50" s="1" t="s">
        <v>200</v>
      </c>
      <c r="C50" s="1" t="s">
        <v>7</v>
      </c>
      <c r="D50" s="1" t="s">
        <v>7</v>
      </c>
      <c r="E50" s="1" t="s">
        <v>7</v>
      </c>
      <c r="F50" s="1" t="s">
        <v>7</v>
      </c>
      <c r="G50" s="1" t="s">
        <v>7</v>
      </c>
      <c r="H50" s="1" t="s">
        <v>7</v>
      </c>
      <c r="I50" s="1" t="s">
        <v>7</v>
      </c>
      <c r="J50" s="1" t="s">
        <v>7</v>
      </c>
      <c r="K50" s="1" t="s">
        <v>7</v>
      </c>
      <c r="L50" s="1" t="s">
        <v>7</v>
      </c>
      <c r="M50" s="1" t="s">
        <v>7</v>
      </c>
      <c r="N50" s="1" t="s">
        <v>7</v>
      </c>
      <c r="O50" s="1" t="s">
        <v>7</v>
      </c>
      <c r="P50" s="1" t="s">
        <v>7</v>
      </c>
    </row>
    <row r="51" spans="2:16" x14ac:dyDescent="0.2">
      <c r="B51" s="1" t="s">
        <v>201</v>
      </c>
      <c r="C51" s="1" t="s">
        <v>7</v>
      </c>
      <c r="D51" s="1" t="s">
        <v>7</v>
      </c>
      <c r="E51" s="1" t="s">
        <v>7</v>
      </c>
      <c r="F51" s="1" t="s">
        <v>7</v>
      </c>
      <c r="G51" s="1" t="s">
        <v>7</v>
      </c>
      <c r="H51" s="1" t="s">
        <v>7</v>
      </c>
      <c r="I51" s="1" t="s">
        <v>7</v>
      </c>
      <c r="J51" s="1" t="s">
        <v>7</v>
      </c>
      <c r="K51" s="1" t="s">
        <v>7</v>
      </c>
      <c r="L51" s="1" t="s">
        <v>7</v>
      </c>
      <c r="M51" s="1" t="s">
        <v>7</v>
      </c>
      <c r="N51" s="1" t="s">
        <v>7</v>
      </c>
      <c r="O51" s="1" t="s">
        <v>7</v>
      </c>
      <c r="P51" s="1" t="s">
        <v>7</v>
      </c>
    </row>
    <row r="52" spans="2:16" x14ac:dyDescent="0.2">
      <c r="B52" s="1" t="s">
        <v>98</v>
      </c>
      <c r="C52" s="1" t="s">
        <v>7</v>
      </c>
      <c r="D52" s="1" t="s">
        <v>7</v>
      </c>
      <c r="E52" s="1" t="s">
        <v>7</v>
      </c>
      <c r="F52" s="1" t="s">
        <v>7</v>
      </c>
      <c r="G52" s="1" t="s">
        <v>7</v>
      </c>
      <c r="H52" s="1" t="s">
        <v>7</v>
      </c>
      <c r="I52" s="39">
        <v>19295</v>
      </c>
      <c r="J52" s="1" t="s">
        <v>7</v>
      </c>
      <c r="K52" s="39">
        <v>0.21</v>
      </c>
      <c r="L52" s="39">
        <v>5956.35</v>
      </c>
      <c r="M52" s="1" t="s">
        <v>7</v>
      </c>
      <c r="N52" s="38">
        <v>0.64429999999999998</v>
      </c>
      <c r="O52" s="38">
        <v>0.20399999999999999</v>
      </c>
      <c r="P52" s="1" t="s">
        <v>7</v>
      </c>
    </row>
    <row r="53" spans="2:16" x14ac:dyDescent="0.2">
      <c r="B53" s="1" t="s">
        <v>137</v>
      </c>
      <c r="C53" s="1" t="s">
        <v>7</v>
      </c>
      <c r="D53" s="1" t="s">
        <v>7</v>
      </c>
      <c r="E53" s="1" t="s">
        <v>7</v>
      </c>
      <c r="F53" s="1" t="s">
        <v>7</v>
      </c>
      <c r="G53" s="1" t="s">
        <v>7</v>
      </c>
      <c r="H53" s="1" t="s">
        <v>7</v>
      </c>
      <c r="I53" s="39">
        <v>4449</v>
      </c>
      <c r="J53" s="1" t="s">
        <v>7</v>
      </c>
      <c r="K53" s="39">
        <v>0</v>
      </c>
      <c r="L53" s="39">
        <v>859.49</v>
      </c>
      <c r="M53" s="1" t="s">
        <v>7</v>
      </c>
      <c r="N53" s="38">
        <v>9.2999999999999999E-2</v>
      </c>
      <c r="O53" s="38">
        <v>2.9399999999999999E-2</v>
      </c>
      <c r="P53" s="1" t="s">
        <v>7</v>
      </c>
    </row>
    <row r="54" spans="2:16" x14ac:dyDescent="0.2">
      <c r="B54" s="40" t="s">
        <v>202</v>
      </c>
      <c r="C54" s="40" t="s">
        <v>203</v>
      </c>
      <c r="D54" s="40" t="s">
        <v>204</v>
      </c>
      <c r="E54" s="40" t="s">
        <v>205</v>
      </c>
      <c r="F54" s="41">
        <v>520036716</v>
      </c>
      <c r="G54" s="40" t="s">
        <v>206</v>
      </c>
      <c r="H54" s="40" t="s">
        <v>49</v>
      </c>
      <c r="I54" s="43">
        <v>504</v>
      </c>
      <c r="J54" s="43">
        <v>7815</v>
      </c>
      <c r="K54" s="43">
        <v>0</v>
      </c>
      <c r="L54" s="43">
        <v>122.49</v>
      </c>
      <c r="M54" s="42">
        <v>0</v>
      </c>
      <c r="N54" s="42">
        <v>1.32E-2</v>
      </c>
      <c r="O54" s="42">
        <v>4.1999999999999997E-3</v>
      </c>
      <c r="P54" s="41">
        <v>60036159</v>
      </c>
    </row>
    <row r="55" spans="2:16" x14ac:dyDescent="0.2">
      <c r="B55" s="40" t="s">
        <v>207</v>
      </c>
      <c r="C55" s="40" t="s">
        <v>208</v>
      </c>
      <c r="D55" s="40" t="s">
        <v>204</v>
      </c>
      <c r="E55" s="40" t="s">
        <v>205</v>
      </c>
      <c r="F55" s="41">
        <v>520015041</v>
      </c>
      <c r="G55" s="40" t="s">
        <v>209</v>
      </c>
      <c r="H55" s="40" t="s">
        <v>49</v>
      </c>
      <c r="I55" s="43">
        <v>830</v>
      </c>
      <c r="J55" s="43">
        <v>5801</v>
      </c>
      <c r="K55" s="43">
        <v>0</v>
      </c>
      <c r="L55" s="43">
        <v>149.74</v>
      </c>
      <c r="M55" s="42">
        <v>0</v>
      </c>
      <c r="N55" s="42">
        <v>1.6199999999999999E-2</v>
      </c>
      <c r="O55" s="42">
        <v>5.1000000000000004E-3</v>
      </c>
      <c r="P55" s="41">
        <v>77624815</v>
      </c>
    </row>
    <row r="56" spans="2:16" x14ac:dyDescent="0.2">
      <c r="B56" s="40" t="s">
        <v>210</v>
      </c>
      <c r="C56" s="40" t="s">
        <v>211</v>
      </c>
      <c r="D56" s="40" t="s">
        <v>150</v>
      </c>
      <c r="E56" s="40" t="s">
        <v>205</v>
      </c>
      <c r="F56" s="41">
        <v>511235434</v>
      </c>
      <c r="G56" s="40" t="s">
        <v>212</v>
      </c>
      <c r="H56" s="40" t="s">
        <v>49</v>
      </c>
      <c r="I56" s="43">
        <v>1951</v>
      </c>
      <c r="J56" s="43">
        <v>4569</v>
      </c>
      <c r="K56" s="43">
        <v>0</v>
      </c>
      <c r="L56" s="43">
        <v>277.23</v>
      </c>
      <c r="M56" s="42">
        <v>0</v>
      </c>
      <c r="N56" s="42">
        <v>0.03</v>
      </c>
      <c r="O56" s="42">
        <v>9.4999999999999998E-3</v>
      </c>
      <c r="P56" s="41">
        <v>1060250</v>
      </c>
    </row>
    <row r="57" spans="2:16" x14ac:dyDescent="0.2">
      <c r="B57" s="40" t="s">
        <v>213</v>
      </c>
      <c r="C57" s="40" t="s">
        <v>214</v>
      </c>
      <c r="D57" s="40" t="s">
        <v>215</v>
      </c>
      <c r="E57" s="40" t="s">
        <v>205</v>
      </c>
      <c r="F57" s="41">
        <v>97405</v>
      </c>
      <c r="G57" s="40" t="s">
        <v>216</v>
      </c>
      <c r="H57" s="40" t="s">
        <v>49</v>
      </c>
      <c r="I57" s="43">
        <v>448</v>
      </c>
      <c r="J57" s="43">
        <v>14366</v>
      </c>
      <c r="K57" s="43">
        <v>0</v>
      </c>
      <c r="L57" s="43">
        <v>200.16</v>
      </c>
      <c r="M57" s="42">
        <v>0</v>
      </c>
      <c r="N57" s="42">
        <v>2.1600000000000001E-2</v>
      </c>
      <c r="O57" s="42">
        <v>6.8999999999999999E-3</v>
      </c>
      <c r="P57" s="41">
        <v>107698</v>
      </c>
    </row>
    <row r="58" spans="2:16" x14ac:dyDescent="0.2">
      <c r="B58" s="40" t="s">
        <v>217</v>
      </c>
      <c r="C58" s="40" t="s">
        <v>218</v>
      </c>
      <c r="D58" s="40" t="s">
        <v>150</v>
      </c>
      <c r="E58" s="40" t="s">
        <v>205</v>
      </c>
      <c r="F58" s="41">
        <v>96549</v>
      </c>
      <c r="G58" s="40" t="s">
        <v>219</v>
      </c>
      <c r="H58" s="40" t="s">
        <v>49</v>
      </c>
      <c r="I58" s="43">
        <v>126</v>
      </c>
      <c r="J58" s="43">
        <v>11757</v>
      </c>
      <c r="K58" s="43">
        <v>0</v>
      </c>
      <c r="L58" s="43">
        <v>46.07</v>
      </c>
      <c r="M58" s="42">
        <v>0</v>
      </c>
      <c r="N58" s="42">
        <v>5.0000000000000001E-3</v>
      </c>
      <c r="O58" s="42">
        <v>1.6000000000000001E-3</v>
      </c>
      <c r="P58" s="41">
        <v>62013925</v>
      </c>
    </row>
    <row r="59" spans="2:16" x14ac:dyDescent="0.2">
      <c r="B59" s="40" t="s">
        <v>220</v>
      </c>
      <c r="C59" s="40" t="s">
        <v>221</v>
      </c>
      <c r="D59" s="40" t="s">
        <v>150</v>
      </c>
      <c r="E59" s="40" t="s">
        <v>205</v>
      </c>
      <c r="F59" s="41">
        <v>520044132</v>
      </c>
      <c r="G59" s="40" t="s">
        <v>219</v>
      </c>
      <c r="H59" s="40" t="s">
        <v>49</v>
      </c>
      <c r="I59" s="43">
        <v>590</v>
      </c>
      <c r="J59" s="43">
        <v>3477</v>
      </c>
      <c r="K59" s="43">
        <v>0</v>
      </c>
      <c r="L59" s="43">
        <v>63.8</v>
      </c>
      <c r="M59" s="42">
        <v>0</v>
      </c>
      <c r="N59" s="42">
        <v>6.8999999999999999E-3</v>
      </c>
      <c r="O59" s="42">
        <v>2.2000000000000001E-3</v>
      </c>
      <c r="P59" s="41">
        <v>106104</v>
      </c>
    </row>
    <row r="60" spans="2:16" x14ac:dyDescent="0.2">
      <c r="B60" s="1" t="s">
        <v>136</v>
      </c>
      <c r="C60" s="1" t="s">
        <v>7</v>
      </c>
      <c r="D60" s="1" t="s">
        <v>7</v>
      </c>
      <c r="E60" s="1" t="s">
        <v>7</v>
      </c>
      <c r="F60" s="1" t="s">
        <v>7</v>
      </c>
      <c r="G60" s="1" t="s">
        <v>7</v>
      </c>
      <c r="H60" s="1" t="s">
        <v>7</v>
      </c>
      <c r="I60" s="39">
        <v>14846</v>
      </c>
      <c r="J60" s="1" t="s">
        <v>7</v>
      </c>
      <c r="K60" s="39">
        <v>0.21</v>
      </c>
      <c r="L60" s="39">
        <v>5096.8599999999997</v>
      </c>
      <c r="M60" s="1" t="s">
        <v>7</v>
      </c>
      <c r="N60" s="38">
        <v>0.5514</v>
      </c>
      <c r="O60" s="38">
        <v>0.17460000000000001</v>
      </c>
      <c r="P60" s="1" t="s">
        <v>7</v>
      </c>
    </row>
    <row r="61" spans="2:16" x14ac:dyDescent="0.2">
      <c r="B61" s="40" t="s">
        <v>222</v>
      </c>
      <c r="C61" s="40" t="s">
        <v>223</v>
      </c>
      <c r="D61" s="40" t="s">
        <v>150</v>
      </c>
      <c r="E61" s="40" t="s">
        <v>205</v>
      </c>
      <c r="F61" s="41">
        <v>94189</v>
      </c>
      <c r="G61" s="40" t="s">
        <v>206</v>
      </c>
      <c r="H61" s="40" t="s">
        <v>49</v>
      </c>
      <c r="I61" s="43">
        <v>175</v>
      </c>
      <c r="J61" s="43">
        <v>28235</v>
      </c>
      <c r="K61" s="43">
        <v>0</v>
      </c>
      <c r="L61" s="43">
        <v>153.66999999999999</v>
      </c>
      <c r="M61" s="42">
        <v>0</v>
      </c>
      <c r="N61" s="42">
        <v>1.66E-2</v>
      </c>
      <c r="O61" s="42">
        <v>5.3E-3</v>
      </c>
      <c r="P61" s="41">
        <v>20001775</v>
      </c>
    </row>
    <row r="62" spans="2:16" x14ac:dyDescent="0.2">
      <c r="B62" s="40" t="s">
        <v>224</v>
      </c>
      <c r="C62" s="40" t="s">
        <v>225</v>
      </c>
      <c r="D62" s="40" t="s">
        <v>150</v>
      </c>
      <c r="E62" s="40" t="s">
        <v>205</v>
      </c>
      <c r="F62" s="41">
        <v>98457</v>
      </c>
      <c r="G62" s="40" t="s">
        <v>206</v>
      </c>
      <c r="H62" s="40" t="s">
        <v>53</v>
      </c>
      <c r="I62" s="43">
        <v>685</v>
      </c>
      <c r="J62" s="43">
        <v>1929.6</v>
      </c>
      <c r="K62" s="43">
        <v>0</v>
      </c>
      <c r="L62" s="43">
        <v>46.55</v>
      </c>
      <c r="M62" s="42">
        <v>0</v>
      </c>
      <c r="N62" s="42">
        <v>5.0000000000000001E-3</v>
      </c>
      <c r="O62" s="42">
        <v>1.6000000000000001E-3</v>
      </c>
      <c r="P62" s="41">
        <v>60055613</v>
      </c>
    </row>
    <row r="63" spans="2:16" x14ac:dyDescent="0.2">
      <c r="B63" s="40" t="s">
        <v>226</v>
      </c>
      <c r="C63" s="40" t="s">
        <v>227</v>
      </c>
      <c r="D63" s="40" t="s">
        <v>150</v>
      </c>
      <c r="E63" s="40" t="s">
        <v>205</v>
      </c>
      <c r="F63" s="41">
        <v>94162</v>
      </c>
      <c r="G63" s="40" t="s">
        <v>228</v>
      </c>
      <c r="H63" s="40" t="s">
        <v>49</v>
      </c>
      <c r="I63" s="43">
        <v>658</v>
      </c>
      <c r="J63" s="43">
        <v>7463</v>
      </c>
      <c r="K63" s="43">
        <v>0</v>
      </c>
      <c r="L63" s="43">
        <v>152.72</v>
      </c>
      <c r="M63" s="42">
        <v>0</v>
      </c>
      <c r="N63" s="42">
        <v>1.6500000000000001E-2</v>
      </c>
      <c r="O63" s="42">
        <v>5.1999999999999998E-3</v>
      </c>
      <c r="P63" s="41">
        <v>62004792</v>
      </c>
    </row>
    <row r="64" spans="2:16" x14ac:dyDescent="0.2">
      <c r="B64" s="40" t="s">
        <v>229</v>
      </c>
      <c r="C64" s="40" t="s">
        <v>230</v>
      </c>
      <c r="D64" s="40" t="s">
        <v>150</v>
      </c>
      <c r="E64" s="40" t="s">
        <v>205</v>
      </c>
      <c r="F64" s="41">
        <v>98312</v>
      </c>
      <c r="G64" s="40" t="s">
        <v>228</v>
      </c>
      <c r="H64" s="40" t="s">
        <v>49</v>
      </c>
      <c r="I64" s="43">
        <v>1064</v>
      </c>
      <c r="J64" s="43">
        <v>3921</v>
      </c>
      <c r="K64" s="43">
        <v>0</v>
      </c>
      <c r="L64" s="43">
        <v>129.75</v>
      </c>
      <c r="M64" s="42">
        <v>0</v>
      </c>
      <c r="N64" s="42">
        <v>1.4E-2</v>
      </c>
      <c r="O64" s="42">
        <v>4.4000000000000003E-3</v>
      </c>
      <c r="P64" s="41">
        <v>60051182</v>
      </c>
    </row>
    <row r="65" spans="2:16" x14ac:dyDescent="0.2">
      <c r="B65" s="40" t="s">
        <v>231</v>
      </c>
      <c r="C65" s="40" t="s">
        <v>232</v>
      </c>
      <c r="D65" s="40" t="s">
        <v>204</v>
      </c>
      <c r="E65" s="40" t="s">
        <v>205</v>
      </c>
      <c r="F65" s="41">
        <v>97184</v>
      </c>
      <c r="G65" s="40" t="s">
        <v>209</v>
      </c>
      <c r="H65" s="40" t="s">
        <v>49</v>
      </c>
      <c r="I65" s="43">
        <v>57</v>
      </c>
      <c r="J65" s="43">
        <v>25856</v>
      </c>
      <c r="K65" s="43">
        <v>0</v>
      </c>
      <c r="L65" s="43">
        <v>45.83</v>
      </c>
      <c r="M65" s="42">
        <v>0</v>
      </c>
      <c r="N65" s="42">
        <v>5.0000000000000001E-3</v>
      </c>
      <c r="O65" s="42">
        <v>1.6000000000000001E-3</v>
      </c>
      <c r="P65" s="41">
        <v>112482</v>
      </c>
    </row>
    <row r="66" spans="2:16" x14ac:dyDescent="0.2">
      <c r="B66" s="40" t="s">
        <v>233</v>
      </c>
      <c r="C66" s="40" t="s">
        <v>234</v>
      </c>
      <c r="D66" s="40" t="s">
        <v>204</v>
      </c>
      <c r="E66" s="40" t="s">
        <v>205</v>
      </c>
      <c r="F66" s="41">
        <v>99110</v>
      </c>
      <c r="G66" s="40" t="s">
        <v>235</v>
      </c>
      <c r="H66" s="40" t="s">
        <v>49</v>
      </c>
      <c r="I66" s="43">
        <v>208</v>
      </c>
      <c r="J66" s="43">
        <v>15593</v>
      </c>
      <c r="K66" s="43">
        <v>0</v>
      </c>
      <c r="L66" s="43">
        <v>100.87</v>
      </c>
      <c r="M66" s="42">
        <v>0</v>
      </c>
      <c r="N66" s="42">
        <v>1.09E-2</v>
      </c>
      <c r="O66" s="42">
        <v>3.5000000000000001E-3</v>
      </c>
      <c r="P66" s="41">
        <v>103465</v>
      </c>
    </row>
    <row r="67" spans="2:16" x14ac:dyDescent="0.2">
      <c r="B67" s="40" t="s">
        <v>236</v>
      </c>
      <c r="C67" s="40" t="s">
        <v>237</v>
      </c>
      <c r="D67" s="40" t="s">
        <v>150</v>
      </c>
      <c r="E67" s="40" t="s">
        <v>205</v>
      </c>
      <c r="F67" s="41">
        <v>99935</v>
      </c>
      <c r="G67" s="40" t="s">
        <v>238</v>
      </c>
      <c r="H67" s="40" t="s">
        <v>49</v>
      </c>
      <c r="I67" s="43">
        <v>131</v>
      </c>
      <c r="J67" s="43">
        <v>23191</v>
      </c>
      <c r="K67" s="43">
        <v>0</v>
      </c>
      <c r="L67" s="43">
        <v>94.48</v>
      </c>
      <c r="M67" s="42">
        <v>0</v>
      </c>
      <c r="N67" s="42">
        <v>1.0200000000000001E-2</v>
      </c>
      <c r="O67" s="42">
        <v>3.2000000000000002E-3</v>
      </c>
      <c r="P67" s="41">
        <v>104075</v>
      </c>
    </row>
    <row r="68" spans="2:16" x14ac:dyDescent="0.2">
      <c r="B68" s="40" t="s">
        <v>239</v>
      </c>
      <c r="C68" s="40" t="s">
        <v>240</v>
      </c>
      <c r="D68" s="40" t="s">
        <v>150</v>
      </c>
      <c r="E68" s="40" t="s">
        <v>205</v>
      </c>
      <c r="F68" s="41">
        <v>997656</v>
      </c>
      <c r="G68" s="40" t="s">
        <v>238</v>
      </c>
      <c r="H68" s="40" t="s">
        <v>49</v>
      </c>
      <c r="I68" s="43">
        <v>173</v>
      </c>
      <c r="J68" s="43">
        <v>14317</v>
      </c>
      <c r="K68" s="43">
        <v>0.21</v>
      </c>
      <c r="L68" s="43">
        <v>77.239999999999995</v>
      </c>
      <c r="M68" s="42">
        <v>0</v>
      </c>
      <c r="N68" s="42">
        <v>8.3999999999999995E-3</v>
      </c>
      <c r="O68" s="42">
        <v>2.5999999999999999E-3</v>
      </c>
      <c r="P68" s="41">
        <v>104083</v>
      </c>
    </row>
    <row r="69" spans="2:16" x14ac:dyDescent="0.2">
      <c r="B69" s="40" t="s">
        <v>241</v>
      </c>
      <c r="C69" s="40" t="s">
        <v>242</v>
      </c>
      <c r="D69" s="40" t="s">
        <v>204</v>
      </c>
      <c r="E69" s="40" t="s">
        <v>205</v>
      </c>
      <c r="F69" s="41">
        <v>99918</v>
      </c>
      <c r="G69" s="40" t="s">
        <v>243</v>
      </c>
      <c r="H69" s="40" t="s">
        <v>49</v>
      </c>
      <c r="I69" s="43">
        <v>79</v>
      </c>
      <c r="J69" s="43">
        <v>17231</v>
      </c>
      <c r="K69" s="43">
        <v>0</v>
      </c>
      <c r="L69" s="43">
        <v>42.33</v>
      </c>
      <c r="M69" s="42">
        <v>0</v>
      </c>
      <c r="N69" s="42">
        <v>4.5999999999999999E-3</v>
      </c>
      <c r="O69" s="42">
        <v>1.4E-3</v>
      </c>
      <c r="P69" s="41">
        <v>102228</v>
      </c>
    </row>
    <row r="70" spans="2:16" x14ac:dyDescent="0.2">
      <c r="B70" s="40" t="s">
        <v>244</v>
      </c>
      <c r="C70" s="40" t="s">
        <v>245</v>
      </c>
      <c r="D70" s="40" t="s">
        <v>204</v>
      </c>
      <c r="E70" s="40" t="s">
        <v>205</v>
      </c>
      <c r="F70" s="41">
        <v>99204</v>
      </c>
      <c r="G70" s="40" t="s">
        <v>246</v>
      </c>
      <c r="H70" s="40" t="s">
        <v>49</v>
      </c>
      <c r="I70" s="43">
        <v>390</v>
      </c>
      <c r="J70" s="43">
        <v>4453</v>
      </c>
      <c r="K70" s="43">
        <v>0</v>
      </c>
      <c r="L70" s="43">
        <v>54.01</v>
      </c>
      <c r="M70" s="42">
        <v>0</v>
      </c>
      <c r="N70" s="42">
        <v>5.7999999999999996E-3</v>
      </c>
      <c r="O70" s="42">
        <v>1.8E-3</v>
      </c>
      <c r="P70" s="41">
        <v>1060193</v>
      </c>
    </row>
    <row r="71" spans="2:16" x14ac:dyDescent="0.2">
      <c r="B71" s="40" t="s">
        <v>247</v>
      </c>
      <c r="C71" s="40" t="s">
        <v>248</v>
      </c>
      <c r="D71" s="40" t="s">
        <v>150</v>
      </c>
      <c r="E71" s="40" t="s">
        <v>205</v>
      </c>
      <c r="F71" s="41">
        <v>98509</v>
      </c>
      <c r="G71" s="40" t="s">
        <v>249</v>
      </c>
      <c r="H71" s="40" t="s">
        <v>49</v>
      </c>
      <c r="I71" s="43">
        <v>137</v>
      </c>
      <c r="J71" s="43">
        <v>36099</v>
      </c>
      <c r="K71" s="43">
        <v>0</v>
      </c>
      <c r="L71" s="43">
        <v>153.81</v>
      </c>
      <c r="M71" s="42">
        <v>0</v>
      </c>
      <c r="N71" s="42">
        <v>1.66E-2</v>
      </c>
      <c r="O71" s="42">
        <v>5.3E-3</v>
      </c>
      <c r="P71" s="41">
        <v>60128162</v>
      </c>
    </row>
    <row r="72" spans="2:16" x14ac:dyDescent="0.2">
      <c r="B72" s="40" t="s">
        <v>250</v>
      </c>
      <c r="C72" s="40" t="s">
        <v>251</v>
      </c>
      <c r="D72" s="40" t="s">
        <v>204</v>
      </c>
      <c r="E72" s="40" t="s">
        <v>205</v>
      </c>
      <c r="F72" s="41">
        <v>98108</v>
      </c>
      <c r="G72" s="40" t="s">
        <v>249</v>
      </c>
      <c r="H72" s="40" t="s">
        <v>49</v>
      </c>
      <c r="I72" s="43">
        <v>316</v>
      </c>
      <c r="J72" s="43">
        <v>21787</v>
      </c>
      <c r="K72" s="43">
        <v>0</v>
      </c>
      <c r="L72" s="43">
        <v>214.11</v>
      </c>
      <c r="M72" s="42">
        <v>0</v>
      </c>
      <c r="N72" s="42">
        <v>2.3199999999999998E-2</v>
      </c>
      <c r="O72" s="42">
        <v>7.3000000000000001E-3</v>
      </c>
      <c r="P72" s="41">
        <v>1055714</v>
      </c>
    </row>
    <row r="73" spans="2:16" x14ac:dyDescent="0.2">
      <c r="B73" s="40" t="s">
        <v>252</v>
      </c>
      <c r="C73" s="40" t="s">
        <v>253</v>
      </c>
      <c r="D73" s="40" t="s">
        <v>150</v>
      </c>
      <c r="E73" s="40" t="s">
        <v>205</v>
      </c>
      <c r="F73" s="41">
        <v>97191</v>
      </c>
      <c r="G73" s="40" t="s">
        <v>254</v>
      </c>
      <c r="H73" s="40" t="s">
        <v>49</v>
      </c>
      <c r="I73" s="43">
        <v>449</v>
      </c>
      <c r="J73" s="43">
        <v>10751</v>
      </c>
      <c r="K73" s="43">
        <v>0</v>
      </c>
      <c r="L73" s="43">
        <v>150.13</v>
      </c>
      <c r="M73" s="42">
        <v>0</v>
      </c>
      <c r="N73" s="42">
        <v>1.6199999999999999E-2</v>
      </c>
      <c r="O73" s="42">
        <v>5.1000000000000004E-3</v>
      </c>
      <c r="P73" s="41">
        <v>106427</v>
      </c>
    </row>
    <row r="74" spans="2:16" x14ac:dyDescent="0.2">
      <c r="B74" s="40" t="s">
        <v>255</v>
      </c>
      <c r="C74" s="40" t="s">
        <v>256</v>
      </c>
      <c r="D74" s="40" t="s">
        <v>150</v>
      </c>
      <c r="E74" s="40" t="s">
        <v>205</v>
      </c>
      <c r="F74" s="41">
        <v>91350</v>
      </c>
      <c r="G74" s="40" t="s">
        <v>254</v>
      </c>
      <c r="H74" s="40" t="s">
        <v>49</v>
      </c>
      <c r="I74" s="43">
        <v>502</v>
      </c>
      <c r="J74" s="43">
        <v>11525</v>
      </c>
      <c r="K74" s="43">
        <v>0</v>
      </c>
      <c r="L74" s="43">
        <v>179.93</v>
      </c>
      <c r="M74" s="42">
        <v>0</v>
      </c>
      <c r="N74" s="42">
        <v>1.95E-2</v>
      </c>
      <c r="O74" s="42">
        <v>6.1999999999999998E-3</v>
      </c>
      <c r="P74" s="41">
        <v>1063866</v>
      </c>
    </row>
    <row r="75" spans="2:16" x14ac:dyDescent="0.2">
      <c r="B75" s="40" t="s">
        <v>257</v>
      </c>
      <c r="C75" s="40" t="s">
        <v>258</v>
      </c>
      <c r="D75" s="40" t="s">
        <v>215</v>
      </c>
      <c r="E75" s="40" t="s">
        <v>205</v>
      </c>
      <c r="F75" s="41">
        <v>99275</v>
      </c>
      <c r="G75" s="40" t="s">
        <v>259</v>
      </c>
      <c r="H75" s="40" t="s">
        <v>49</v>
      </c>
      <c r="I75" s="43">
        <v>399</v>
      </c>
      <c r="J75" s="43">
        <v>33932</v>
      </c>
      <c r="K75" s="43">
        <v>0</v>
      </c>
      <c r="L75" s="43">
        <v>421.06</v>
      </c>
      <c r="M75" s="42">
        <v>0</v>
      </c>
      <c r="N75" s="42">
        <v>4.5499999999999999E-2</v>
      </c>
      <c r="O75" s="42">
        <v>1.44E-2</v>
      </c>
      <c r="P75" s="41">
        <v>105049</v>
      </c>
    </row>
    <row r="76" spans="2:16" x14ac:dyDescent="0.2">
      <c r="B76" s="40" t="s">
        <v>260</v>
      </c>
      <c r="C76" s="40" t="s">
        <v>261</v>
      </c>
      <c r="D76" s="40" t="s">
        <v>204</v>
      </c>
      <c r="E76" s="40" t="s">
        <v>205</v>
      </c>
      <c r="F76" s="41">
        <v>98000</v>
      </c>
      <c r="G76" s="40" t="s">
        <v>259</v>
      </c>
      <c r="H76" s="40" t="s">
        <v>49</v>
      </c>
      <c r="I76" s="43">
        <v>639</v>
      </c>
      <c r="J76" s="43">
        <v>8801</v>
      </c>
      <c r="K76" s="43">
        <v>0</v>
      </c>
      <c r="L76" s="43">
        <v>174.9</v>
      </c>
      <c r="M76" s="42">
        <v>0</v>
      </c>
      <c r="N76" s="42">
        <v>1.89E-2</v>
      </c>
      <c r="O76" s="42">
        <v>6.0000000000000001E-3</v>
      </c>
      <c r="P76" s="41">
        <v>102616</v>
      </c>
    </row>
    <row r="77" spans="2:16" x14ac:dyDescent="0.2">
      <c r="B77" s="40" t="s">
        <v>262</v>
      </c>
      <c r="C77" s="40" t="s">
        <v>263</v>
      </c>
      <c r="D77" s="40" t="s">
        <v>215</v>
      </c>
      <c r="E77" s="40" t="s">
        <v>205</v>
      </c>
      <c r="F77" s="41">
        <v>97912</v>
      </c>
      <c r="G77" s="40" t="s">
        <v>259</v>
      </c>
      <c r="H77" s="40" t="s">
        <v>49</v>
      </c>
      <c r="I77" s="43">
        <v>183</v>
      </c>
      <c r="J77" s="43">
        <v>19188</v>
      </c>
      <c r="K77" s="43">
        <v>0</v>
      </c>
      <c r="L77" s="43">
        <v>109.2</v>
      </c>
      <c r="M77" s="42">
        <v>0</v>
      </c>
      <c r="N77" s="42">
        <v>1.18E-2</v>
      </c>
      <c r="O77" s="42">
        <v>3.7000000000000002E-3</v>
      </c>
      <c r="P77" s="41">
        <v>60087186</v>
      </c>
    </row>
    <row r="78" spans="2:16" x14ac:dyDescent="0.2">
      <c r="B78" s="40" t="s">
        <v>264</v>
      </c>
      <c r="C78" s="40" t="s">
        <v>265</v>
      </c>
      <c r="D78" s="40" t="s">
        <v>215</v>
      </c>
      <c r="E78" s="40" t="s">
        <v>205</v>
      </c>
      <c r="F78" s="41">
        <v>99771</v>
      </c>
      <c r="G78" s="40" t="s">
        <v>266</v>
      </c>
      <c r="H78" s="40" t="s">
        <v>49</v>
      </c>
      <c r="I78" s="43">
        <v>325</v>
      </c>
      <c r="J78" s="43">
        <v>17820</v>
      </c>
      <c r="K78" s="43">
        <v>0</v>
      </c>
      <c r="L78" s="43">
        <v>180.12</v>
      </c>
      <c r="M78" s="42">
        <v>0</v>
      </c>
      <c r="N78" s="42">
        <v>1.95E-2</v>
      </c>
      <c r="O78" s="42">
        <v>6.1999999999999998E-3</v>
      </c>
      <c r="P78" s="41">
        <v>103788</v>
      </c>
    </row>
    <row r="79" spans="2:16" x14ac:dyDescent="0.2">
      <c r="B79" s="40" t="s">
        <v>267</v>
      </c>
      <c r="C79" s="40" t="s">
        <v>268</v>
      </c>
      <c r="D79" s="40" t="s">
        <v>150</v>
      </c>
      <c r="E79" s="40" t="s">
        <v>205</v>
      </c>
      <c r="F79" s="41">
        <v>97676</v>
      </c>
      <c r="G79" s="40" t="s">
        <v>216</v>
      </c>
      <c r="H79" s="40" t="s">
        <v>49</v>
      </c>
      <c r="I79" s="43">
        <v>515</v>
      </c>
      <c r="J79" s="43">
        <v>14515</v>
      </c>
      <c r="K79" s="43">
        <v>0</v>
      </c>
      <c r="L79" s="43">
        <v>232.48</v>
      </c>
      <c r="M79" s="42">
        <v>0</v>
      </c>
      <c r="N79" s="42">
        <v>2.5100000000000001E-2</v>
      </c>
      <c r="O79" s="42">
        <v>8.0000000000000002E-3</v>
      </c>
      <c r="P79" s="41">
        <v>102202</v>
      </c>
    </row>
    <row r="80" spans="2:16" x14ac:dyDescent="0.2">
      <c r="B80" s="40" t="s">
        <v>269</v>
      </c>
      <c r="C80" s="40" t="s">
        <v>270</v>
      </c>
      <c r="D80" s="40" t="s">
        <v>150</v>
      </c>
      <c r="E80" s="40" t="s">
        <v>205</v>
      </c>
      <c r="F80" s="41">
        <v>98003</v>
      </c>
      <c r="G80" s="40" t="s">
        <v>216</v>
      </c>
      <c r="H80" s="40" t="s">
        <v>49</v>
      </c>
      <c r="I80" s="43">
        <v>257</v>
      </c>
      <c r="J80" s="43">
        <v>15798</v>
      </c>
      <c r="K80" s="43">
        <v>0</v>
      </c>
      <c r="L80" s="43">
        <v>126.27</v>
      </c>
      <c r="M80" s="42">
        <v>0</v>
      </c>
      <c r="N80" s="42">
        <v>1.37E-2</v>
      </c>
      <c r="O80" s="42">
        <v>4.3E-3</v>
      </c>
      <c r="P80" s="41">
        <v>104661</v>
      </c>
    </row>
    <row r="81" spans="2:16" x14ac:dyDescent="0.2">
      <c r="B81" s="40" t="s">
        <v>271</v>
      </c>
      <c r="C81" s="40" t="s">
        <v>272</v>
      </c>
      <c r="D81" s="40" t="s">
        <v>150</v>
      </c>
      <c r="E81" s="40" t="s">
        <v>205</v>
      </c>
      <c r="F81" s="41">
        <v>98565</v>
      </c>
      <c r="G81" s="40" t="s">
        <v>216</v>
      </c>
      <c r="H81" s="40" t="s">
        <v>49</v>
      </c>
      <c r="I81" s="43">
        <v>227</v>
      </c>
      <c r="J81" s="43">
        <v>80022</v>
      </c>
      <c r="K81" s="43">
        <v>0</v>
      </c>
      <c r="L81" s="43">
        <v>564.92999999999995</v>
      </c>
      <c r="M81" s="42">
        <v>0</v>
      </c>
      <c r="N81" s="42">
        <v>6.1100000000000002E-2</v>
      </c>
      <c r="O81" s="42">
        <v>1.9300000000000001E-2</v>
      </c>
      <c r="P81" s="41">
        <v>1056472</v>
      </c>
    </row>
    <row r="82" spans="2:16" x14ac:dyDescent="0.2">
      <c r="B82" s="40" t="s">
        <v>273</v>
      </c>
      <c r="C82" s="40" t="s">
        <v>274</v>
      </c>
      <c r="D82" s="40" t="s">
        <v>150</v>
      </c>
      <c r="E82" s="40" t="s">
        <v>205</v>
      </c>
      <c r="F82" s="41">
        <v>99456</v>
      </c>
      <c r="G82" s="40" t="s">
        <v>216</v>
      </c>
      <c r="H82" s="40" t="s">
        <v>49</v>
      </c>
      <c r="I82" s="43">
        <v>613</v>
      </c>
      <c r="J82" s="43">
        <v>29586</v>
      </c>
      <c r="K82" s="43">
        <v>0</v>
      </c>
      <c r="L82" s="43">
        <v>564.04</v>
      </c>
      <c r="M82" s="42">
        <v>0</v>
      </c>
      <c r="N82" s="42">
        <v>6.0999999999999999E-2</v>
      </c>
      <c r="O82" s="42">
        <v>1.9300000000000001E-2</v>
      </c>
      <c r="P82" s="41">
        <v>119636</v>
      </c>
    </row>
    <row r="83" spans="2:16" x14ac:dyDescent="0.2">
      <c r="B83" s="40" t="s">
        <v>275</v>
      </c>
      <c r="C83" s="40" t="s">
        <v>276</v>
      </c>
      <c r="D83" s="40" t="s">
        <v>277</v>
      </c>
      <c r="E83" s="40" t="s">
        <v>205</v>
      </c>
      <c r="F83" s="41">
        <v>99868</v>
      </c>
      <c r="G83" s="40" t="s">
        <v>216</v>
      </c>
      <c r="H83" s="40" t="s">
        <v>49</v>
      </c>
      <c r="I83" s="43">
        <v>26</v>
      </c>
      <c r="J83" s="43">
        <v>165350</v>
      </c>
      <c r="K83" s="43">
        <v>0</v>
      </c>
      <c r="L83" s="43">
        <v>133.69999999999999</v>
      </c>
      <c r="M83" s="42">
        <v>0</v>
      </c>
      <c r="N83" s="42">
        <v>1.4500000000000001E-2</v>
      </c>
      <c r="O83" s="42">
        <v>4.5999999999999999E-3</v>
      </c>
      <c r="P83" s="41">
        <v>60160579</v>
      </c>
    </row>
    <row r="84" spans="2:16" x14ac:dyDescent="0.2">
      <c r="B84" s="40" t="s">
        <v>278</v>
      </c>
      <c r="C84" s="40" t="s">
        <v>279</v>
      </c>
      <c r="D84" s="40" t="s">
        <v>204</v>
      </c>
      <c r="E84" s="40" t="s">
        <v>205</v>
      </c>
      <c r="F84" s="41">
        <v>97585</v>
      </c>
      <c r="G84" s="40" t="s">
        <v>219</v>
      </c>
      <c r="H84" s="40" t="s">
        <v>49</v>
      </c>
      <c r="I84" s="43">
        <v>373</v>
      </c>
      <c r="J84" s="43">
        <v>12299</v>
      </c>
      <c r="K84" s="43">
        <v>0</v>
      </c>
      <c r="L84" s="43">
        <v>142.66999999999999</v>
      </c>
      <c r="M84" s="42">
        <v>0</v>
      </c>
      <c r="N84" s="42">
        <v>1.54E-2</v>
      </c>
      <c r="O84" s="42">
        <v>4.8999999999999998E-3</v>
      </c>
      <c r="P84" s="41">
        <v>60615838</v>
      </c>
    </row>
    <row r="85" spans="2:16" x14ac:dyDescent="0.2">
      <c r="B85" s="40" t="s">
        <v>280</v>
      </c>
      <c r="C85" s="40" t="s">
        <v>281</v>
      </c>
      <c r="D85" s="40" t="s">
        <v>215</v>
      </c>
      <c r="E85" s="40" t="s">
        <v>205</v>
      </c>
      <c r="F85" s="41">
        <v>99122</v>
      </c>
      <c r="G85" s="40" t="s">
        <v>219</v>
      </c>
      <c r="H85" s="40" t="s">
        <v>49</v>
      </c>
      <c r="I85" s="43">
        <v>31</v>
      </c>
      <c r="J85" s="43">
        <v>337289</v>
      </c>
      <c r="K85" s="43">
        <v>0</v>
      </c>
      <c r="L85" s="43">
        <v>325.18</v>
      </c>
      <c r="M85" s="42">
        <v>0</v>
      </c>
      <c r="N85" s="42">
        <v>3.5200000000000002E-2</v>
      </c>
      <c r="O85" s="42">
        <v>1.11E-2</v>
      </c>
      <c r="P85" s="41">
        <v>108092</v>
      </c>
    </row>
    <row r="86" spans="2:16" x14ac:dyDescent="0.2">
      <c r="B86" s="40" t="s">
        <v>282</v>
      </c>
      <c r="C86" s="40" t="s">
        <v>283</v>
      </c>
      <c r="D86" s="40" t="s">
        <v>215</v>
      </c>
      <c r="E86" s="40" t="s">
        <v>205</v>
      </c>
      <c r="F86" s="41">
        <v>99915</v>
      </c>
      <c r="G86" s="40" t="s">
        <v>219</v>
      </c>
      <c r="H86" s="40" t="s">
        <v>49</v>
      </c>
      <c r="I86" s="43">
        <v>24</v>
      </c>
      <c r="J86" s="43">
        <v>292401</v>
      </c>
      <c r="K86" s="43">
        <v>0</v>
      </c>
      <c r="L86" s="43">
        <v>218.25</v>
      </c>
      <c r="M86" s="42">
        <v>0</v>
      </c>
      <c r="N86" s="42">
        <v>2.3599999999999999E-2</v>
      </c>
      <c r="O86" s="42">
        <v>7.4999999999999997E-3</v>
      </c>
      <c r="P86" s="41">
        <v>60032877</v>
      </c>
    </row>
    <row r="87" spans="2:16" x14ac:dyDescent="0.2">
      <c r="B87" s="40" t="s">
        <v>284</v>
      </c>
      <c r="C87" s="40" t="s">
        <v>285</v>
      </c>
      <c r="D87" s="40" t="s">
        <v>150</v>
      </c>
      <c r="E87" s="40" t="s">
        <v>205</v>
      </c>
      <c r="F87" s="41">
        <v>99326</v>
      </c>
      <c r="G87" s="40" t="s">
        <v>219</v>
      </c>
      <c r="H87" s="40" t="s">
        <v>49</v>
      </c>
      <c r="I87" s="43">
        <v>1704</v>
      </c>
      <c r="J87" s="43">
        <v>626</v>
      </c>
      <c r="K87" s="43">
        <v>0</v>
      </c>
      <c r="L87" s="43">
        <v>33.17</v>
      </c>
      <c r="M87" s="42">
        <v>0</v>
      </c>
      <c r="N87" s="42">
        <v>3.5999999999999999E-3</v>
      </c>
      <c r="O87" s="42">
        <v>1.1000000000000001E-3</v>
      </c>
      <c r="P87" s="41">
        <v>112227</v>
      </c>
    </row>
    <row r="88" spans="2:16" x14ac:dyDescent="0.2">
      <c r="B88" s="40" t="s">
        <v>286</v>
      </c>
      <c r="C88" s="40" t="s">
        <v>287</v>
      </c>
      <c r="D88" s="40" t="s">
        <v>150</v>
      </c>
      <c r="E88" s="40" t="s">
        <v>205</v>
      </c>
      <c r="F88" s="41">
        <v>7495</v>
      </c>
      <c r="G88" s="40" t="s">
        <v>219</v>
      </c>
      <c r="H88" s="40" t="s">
        <v>49</v>
      </c>
      <c r="I88" s="43">
        <v>3210</v>
      </c>
      <c r="J88" s="43">
        <v>459</v>
      </c>
      <c r="K88" s="43">
        <v>0</v>
      </c>
      <c r="L88" s="43">
        <v>45.82</v>
      </c>
      <c r="M88" s="42">
        <v>1E-4</v>
      </c>
      <c r="N88" s="42">
        <v>5.0000000000000001E-3</v>
      </c>
      <c r="O88" s="42">
        <v>1.6000000000000001E-3</v>
      </c>
      <c r="P88" s="41">
        <v>21056653</v>
      </c>
    </row>
    <row r="89" spans="2:16" x14ac:dyDescent="0.2">
      <c r="B89" s="40" t="s">
        <v>288</v>
      </c>
      <c r="C89" s="40" t="s">
        <v>289</v>
      </c>
      <c r="D89" s="40" t="s">
        <v>150</v>
      </c>
      <c r="E89" s="40" t="s">
        <v>205</v>
      </c>
      <c r="F89" s="41">
        <v>98225</v>
      </c>
      <c r="G89" s="40" t="s">
        <v>219</v>
      </c>
      <c r="H89" s="40" t="s">
        <v>57</v>
      </c>
      <c r="I89" s="43">
        <v>1296</v>
      </c>
      <c r="J89" s="43">
        <v>44440.09</v>
      </c>
      <c r="K89" s="43">
        <v>0</v>
      </c>
      <c r="L89" s="43">
        <v>229.63</v>
      </c>
      <c r="M89" s="42">
        <v>0</v>
      </c>
      <c r="N89" s="42">
        <v>2.4799999999999999E-2</v>
      </c>
      <c r="O89" s="42">
        <v>7.9000000000000008E-3</v>
      </c>
      <c r="P89" s="41">
        <v>60175411</v>
      </c>
    </row>
    <row r="90" spans="2:16" x14ac:dyDescent="0.2">
      <c r="B90" s="36" t="s">
        <v>100</v>
      </c>
    </row>
    <row r="91" spans="2:16" x14ac:dyDescent="0.2">
      <c r="B91" s="36" t="s">
        <v>126</v>
      </c>
    </row>
    <row r="92" spans="2:16" x14ac:dyDescent="0.2">
      <c r="B92" s="51" t="s">
        <v>59</v>
      </c>
      <c r="C92" s="46"/>
      <c r="D92" s="46"/>
      <c r="E92" s="46"/>
      <c r="F92" s="46"/>
      <c r="G92" s="46"/>
      <c r="H92" s="46"/>
      <c r="I92" s="46"/>
      <c r="J92" s="46"/>
      <c r="K92" s="46"/>
      <c r="L92" s="46"/>
      <c r="M92" s="46"/>
      <c r="N92" s="46"/>
      <c r="O92" s="46"/>
      <c r="P92" s="46"/>
    </row>
  </sheetData>
  <mergeCells count="1">
    <mergeCell ref="B92:P92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58"/>
  <sheetViews>
    <sheetView rightToLeft="1" topLeftCell="A40" workbookViewId="0"/>
  </sheetViews>
  <sheetFormatPr defaultRowHeight="14.25" x14ac:dyDescent="0.2"/>
  <cols>
    <col min="1" max="1" width="3" customWidth="1"/>
    <col min="2" max="2" width="38" customWidth="1"/>
    <col min="3" max="3" width="14" customWidth="1"/>
    <col min="4" max="4" width="11" customWidth="1"/>
    <col min="5" max="5" width="12" customWidth="1"/>
    <col min="6" max="6" width="10" customWidth="1"/>
    <col min="7" max="7" width="16" customWidth="1"/>
    <col min="8" max="9" width="11" customWidth="1"/>
    <col min="10" max="10" width="18" customWidth="1"/>
    <col min="11" max="11" width="11" customWidth="1"/>
    <col min="12" max="12" width="22" customWidth="1"/>
    <col min="13" max="13" width="24" customWidth="1"/>
    <col min="14" max="14" width="23" customWidth="1"/>
    <col min="15" max="15" width="11" customWidth="1"/>
  </cols>
  <sheetData>
    <row r="1" spans="2:15" x14ac:dyDescent="0.2">
      <c r="B1" s="37" t="s">
        <v>0</v>
      </c>
      <c r="C1" s="37" t="s">
        <v>1</v>
      </c>
    </row>
    <row r="2" spans="2:15" x14ac:dyDescent="0.2">
      <c r="B2" s="37" t="s">
        <v>2</v>
      </c>
      <c r="C2" s="37" t="s">
        <v>3</v>
      </c>
    </row>
    <row r="3" spans="2:15" x14ac:dyDescent="0.2">
      <c r="B3" s="37" t="s">
        <v>4</v>
      </c>
      <c r="C3" s="37" t="s">
        <v>5</v>
      </c>
    </row>
    <row r="4" spans="2:15" x14ac:dyDescent="0.2">
      <c r="B4" s="37" t="s">
        <v>6</v>
      </c>
      <c r="C4" s="37">
        <v>1526</v>
      </c>
    </row>
    <row r="5" spans="2:15" x14ac:dyDescent="0.2">
      <c r="B5" s="37" t="s">
        <v>7</v>
      </c>
      <c r="C5" s="37" t="s">
        <v>7</v>
      </c>
    </row>
    <row r="6" spans="2:15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</row>
    <row r="7" spans="2:15" x14ac:dyDescent="0.2">
      <c r="B7" s="3" t="s">
        <v>290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</row>
    <row r="8" spans="2:15" x14ac:dyDescent="0.2">
      <c r="B8" s="1" t="s">
        <v>61</v>
      </c>
      <c r="C8" s="1" t="s">
        <v>62</v>
      </c>
      <c r="D8" s="1" t="s">
        <v>103</v>
      </c>
      <c r="E8" s="1" t="s">
        <v>63</v>
      </c>
      <c r="F8" s="1" t="s">
        <v>129</v>
      </c>
      <c r="G8" s="1" t="s">
        <v>66</v>
      </c>
      <c r="H8" s="1" t="s">
        <v>106</v>
      </c>
      <c r="I8" s="1" t="s">
        <v>107</v>
      </c>
      <c r="J8" s="1" t="s">
        <v>108</v>
      </c>
      <c r="K8" s="1" t="s">
        <v>69</v>
      </c>
      <c r="L8" s="1" t="s">
        <v>109</v>
      </c>
      <c r="M8" s="1" t="s">
        <v>70</v>
      </c>
      <c r="N8" s="1" t="s">
        <v>110</v>
      </c>
      <c r="O8" s="1" t="s">
        <v>7</v>
      </c>
    </row>
    <row r="9" spans="2:15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41</v>
      </c>
      <c r="I9" s="1" t="s">
        <v>7</v>
      </c>
      <c r="J9" s="1" t="s">
        <v>11</v>
      </c>
      <c r="K9" s="1" t="s">
        <v>11</v>
      </c>
      <c r="L9" s="1" t="s">
        <v>12</v>
      </c>
      <c r="M9" s="1" t="s">
        <v>12</v>
      </c>
      <c r="N9" s="1" t="s">
        <v>12</v>
      </c>
      <c r="O9" s="1" t="s">
        <v>7</v>
      </c>
    </row>
    <row r="10" spans="2:15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7</v>
      </c>
      <c r="L10" s="1" t="s">
        <v>78</v>
      </c>
      <c r="M10" s="1" t="s">
        <v>79</v>
      </c>
      <c r="N10" s="1" t="s">
        <v>114</v>
      </c>
      <c r="O10" s="1" t="s">
        <v>7</v>
      </c>
    </row>
    <row r="11" spans="2:15" x14ac:dyDescent="0.2">
      <c r="B11" s="1" t="s">
        <v>291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39">
        <v>70802</v>
      </c>
      <c r="I11" s="1" t="s">
        <v>7</v>
      </c>
      <c r="J11" s="39">
        <v>5.82</v>
      </c>
      <c r="K11" s="39">
        <v>16047.21</v>
      </c>
      <c r="L11" s="1" t="s">
        <v>7</v>
      </c>
      <c r="M11" s="38">
        <v>1</v>
      </c>
      <c r="N11" s="38">
        <v>0.54969999999999997</v>
      </c>
      <c r="O11" s="1" t="s">
        <v>7</v>
      </c>
    </row>
    <row r="12" spans="2:15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39">
        <v>19454</v>
      </c>
      <c r="I12" s="1" t="s">
        <v>7</v>
      </c>
      <c r="J12" s="39">
        <v>0</v>
      </c>
      <c r="K12" s="39">
        <v>993.19</v>
      </c>
      <c r="L12" s="1" t="s">
        <v>7</v>
      </c>
      <c r="M12" s="38">
        <v>6.1899999999999997E-2</v>
      </c>
      <c r="N12" s="38">
        <v>3.4000000000000002E-2</v>
      </c>
      <c r="O12" s="1" t="s">
        <v>7</v>
      </c>
    </row>
    <row r="13" spans="2:15" x14ac:dyDescent="0.2">
      <c r="B13" s="1" t="s">
        <v>292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39">
        <v>11697</v>
      </c>
      <c r="I13" s="1" t="s">
        <v>7</v>
      </c>
      <c r="J13" s="39">
        <v>0</v>
      </c>
      <c r="K13" s="39">
        <v>384.01</v>
      </c>
      <c r="L13" s="1" t="s">
        <v>7</v>
      </c>
      <c r="M13" s="38">
        <v>2.3900000000000001E-2</v>
      </c>
      <c r="N13" s="38">
        <v>1.3100000000000001E-2</v>
      </c>
      <c r="O13" s="1" t="s">
        <v>7</v>
      </c>
    </row>
    <row r="14" spans="2:15" x14ac:dyDescent="0.2">
      <c r="B14" s="40" t="s">
        <v>293</v>
      </c>
      <c r="C14" s="41">
        <v>1150259</v>
      </c>
      <c r="D14" s="40" t="s">
        <v>149</v>
      </c>
      <c r="E14" s="41">
        <v>511303661</v>
      </c>
      <c r="F14" s="40" t="s">
        <v>294</v>
      </c>
      <c r="G14" s="40" t="s">
        <v>86</v>
      </c>
      <c r="H14" s="43">
        <v>11697</v>
      </c>
      <c r="I14" s="43">
        <v>3283</v>
      </c>
      <c r="J14" s="43">
        <v>0</v>
      </c>
      <c r="K14" s="43">
        <v>384.01</v>
      </c>
      <c r="L14" s="42">
        <v>4.0000000000000002E-4</v>
      </c>
      <c r="M14" s="42">
        <v>2.3900000000000001E-2</v>
      </c>
      <c r="N14" s="42">
        <v>1.3100000000000001E-2</v>
      </c>
      <c r="O14" s="40" t="s">
        <v>7</v>
      </c>
    </row>
    <row r="15" spans="2:15" x14ac:dyDescent="0.2">
      <c r="B15" s="1" t="s">
        <v>295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39">
        <v>7757</v>
      </c>
      <c r="I15" s="1" t="s">
        <v>7</v>
      </c>
      <c r="J15" s="39">
        <v>0</v>
      </c>
      <c r="K15" s="39">
        <v>609.17999999999995</v>
      </c>
      <c r="L15" s="1" t="s">
        <v>7</v>
      </c>
      <c r="M15" s="38">
        <v>3.7999999999999999E-2</v>
      </c>
      <c r="N15" s="38">
        <v>2.0899999999999998E-2</v>
      </c>
      <c r="O15" s="1" t="s">
        <v>7</v>
      </c>
    </row>
    <row r="16" spans="2:15" x14ac:dyDescent="0.2">
      <c r="B16" s="40" t="s">
        <v>296</v>
      </c>
      <c r="C16" s="41">
        <v>1165828</v>
      </c>
      <c r="D16" s="40" t="s">
        <v>149</v>
      </c>
      <c r="E16" s="41">
        <v>514884485</v>
      </c>
      <c r="F16" s="40" t="s">
        <v>294</v>
      </c>
      <c r="G16" s="40" t="s">
        <v>86</v>
      </c>
      <c r="H16" s="43">
        <v>3750</v>
      </c>
      <c r="I16" s="43">
        <v>7849</v>
      </c>
      <c r="J16" s="43">
        <v>0</v>
      </c>
      <c r="K16" s="43">
        <v>294.33999999999997</v>
      </c>
      <c r="L16" s="42">
        <v>2.9999999999999997E-4</v>
      </c>
      <c r="M16" s="42">
        <v>1.83E-2</v>
      </c>
      <c r="N16" s="42">
        <v>1.01E-2</v>
      </c>
      <c r="O16" s="40" t="s">
        <v>7</v>
      </c>
    </row>
    <row r="17" spans="2:15" x14ac:dyDescent="0.2">
      <c r="B17" s="40" t="s">
        <v>297</v>
      </c>
      <c r="C17" s="41">
        <v>1165844</v>
      </c>
      <c r="D17" s="40" t="s">
        <v>149</v>
      </c>
      <c r="E17" s="41">
        <v>514884485</v>
      </c>
      <c r="F17" s="40" t="s">
        <v>294</v>
      </c>
      <c r="G17" s="40" t="s">
        <v>86</v>
      </c>
      <c r="H17" s="43">
        <v>3500</v>
      </c>
      <c r="I17" s="43">
        <v>8344</v>
      </c>
      <c r="J17" s="43">
        <v>0</v>
      </c>
      <c r="K17" s="43">
        <v>292.04000000000002</v>
      </c>
      <c r="L17" s="42">
        <v>4.0000000000000002E-4</v>
      </c>
      <c r="M17" s="42">
        <v>1.8200000000000001E-2</v>
      </c>
      <c r="N17" s="42">
        <v>0.01</v>
      </c>
      <c r="O17" s="40" t="s">
        <v>7</v>
      </c>
    </row>
    <row r="18" spans="2:15" x14ac:dyDescent="0.2">
      <c r="B18" s="40" t="s">
        <v>298</v>
      </c>
      <c r="C18" s="41">
        <v>1160159</v>
      </c>
      <c r="D18" s="40" t="s">
        <v>149</v>
      </c>
      <c r="E18" s="41">
        <v>513534974</v>
      </c>
      <c r="F18" s="40" t="s">
        <v>294</v>
      </c>
      <c r="G18" s="40" t="s">
        <v>86</v>
      </c>
      <c r="H18" s="43">
        <v>507</v>
      </c>
      <c r="I18" s="43">
        <v>4497</v>
      </c>
      <c r="J18" s="43">
        <v>0</v>
      </c>
      <c r="K18" s="43">
        <v>22.8</v>
      </c>
      <c r="L18" s="42">
        <v>2.9999999999999997E-4</v>
      </c>
      <c r="M18" s="42">
        <v>1.4E-3</v>
      </c>
      <c r="N18" s="42">
        <v>8.0000000000000004E-4</v>
      </c>
      <c r="O18" s="40" t="s">
        <v>7</v>
      </c>
    </row>
    <row r="19" spans="2:15" x14ac:dyDescent="0.2">
      <c r="B19" s="1" t="s">
        <v>299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39">
        <v>0</v>
      </c>
      <c r="I19" s="1" t="s">
        <v>7</v>
      </c>
      <c r="J19" s="39">
        <v>0</v>
      </c>
      <c r="K19" s="39">
        <v>0</v>
      </c>
      <c r="L19" s="1" t="s">
        <v>7</v>
      </c>
      <c r="M19" s="38">
        <v>0</v>
      </c>
      <c r="N19" s="38">
        <v>0</v>
      </c>
      <c r="O19" s="1" t="s">
        <v>7</v>
      </c>
    </row>
    <row r="20" spans="2:15" x14ac:dyDescent="0.2">
      <c r="B20" s="1" t="s">
        <v>300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39">
        <v>0</v>
      </c>
      <c r="I20" s="1" t="s">
        <v>7</v>
      </c>
      <c r="J20" s="39">
        <v>0</v>
      </c>
      <c r="K20" s="39">
        <v>0</v>
      </c>
      <c r="L20" s="1" t="s">
        <v>7</v>
      </c>
      <c r="M20" s="38">
        <v>0</v>
      </c>
      <c r="N20" s="38">
        <v>0</v>
      </c>
      <c r="O20" s="1" t="s">
        <v>7</v>
      </c>
    </row>
    <row r="21" spans="2:15" x14ac:dyDescent="0.2">
      <c r="B21" s="1" t="s">
        <v>301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39">
        <v>0</v>
      </c>
      <c r="I21" s="1" t="s">
        <v>7</v>
      </c>
      <c r="J21" s="39">
        <v>0</v>
      </c>
      <c r="K21" s="39">
        <v>0</v>
      </c>
      <c r="L21" s="1" t="s">
        <v>7</v>
      </c>
      <c r="M21" s="38">
        <v>0</v>
      </c>
      <c r="N21" s="38">
        <v>0</v>
      </c>
      <c r="O21" s="1" t="s">
        <v>7</v>
      </c>
    </row>
    <row r="22" spans="2:15" x14ac:dyDescent="0.2">
      <c r="B22" s="1" t="s">
        <v>302</v>
      </c>
      <c r="C22" s="1" t="s">
        <v>7</v>
      </c>
      <c r="D22" s="1" t="s">
        <v>7</v>
      </c>
      <c r="E22" s="1" t="s">
        <v>7</v>
      </c>
      <c r="F22" s="1" t="s">
        <v>7</v>
      </c>
      <c r="G22" s="1" t="s">
        <v>7</v>
      </c>
      <c r="H22" s="39">
        <v>0</v>
      </c>
      <c r="I22" s="1" t="s">
        <v>7</v>
      </c>
      <c r="J22" s="39">
        <v>0</v>
      </c>
      <c r="K22" s="39">
        <v>0</v>
      </c>
      <c r="L22" s="1" t="s">
        <v>7</v>
      </c>
      <c r="M22" s="38">
        <v>0</v>
      </c>
      <c r="N22" s="38">
        <v>0</v>
      </c>
      <c r="O22" s="1" t="s">
        <v>7</v>
      </c>
    </row>
    <row r="23" spans="2:15" x14ac:dyDescent="0.2">
      <c r="B23" s="1" t="s">
        <v>98</v>
      </c>
      <c r="C23" s="1" t="s">
        <v>7</v>
      </c>
      <c r="D23" s="1" t="s">
        <v>7</v>
      </c>
      <c r="E23" s="1" t="s">
        <v>7</v>
      </c>
      <c r="F23" s="1" t="s">
        <v>7</v>
      </c>
      <c r="G23" s="1" t="s">
        <v>7</v>
      </c>
      <c r="H23" s="39">
        <v>51348</v>
      </c>
      <c r="I23" s="1" t="s">
        <v>7</v>
      </c>
      <c r="J23" s="39">
        <v>5.82</v>
      </c>
      <c r="K23" s="39">
        <v>15054.02</v>
      </c>
      <c r="L23" s="1" t="s">
        <v>7</v>
      </c>
      <c r="M23" s="38">
        <v>0.93810000000000004</v>
      </c>
      <c r="N23" s="38">
        <v>0.51559999999999995</v>
      </c>
      <c r="O23" s="1" t="s">
        <v>7</v>
      </c>
    </row>
    <row r="24" spans="2:15" x14ac:dyDescent="0.2">
      <c r="B24" s="1" t="s">
        <v>303</v>
      </c>
      <c r="C24" s="1" t="s">
        <v>7</v>
      </c>
      <c r="D24" s="1" t="s">
        <v>7</v>
      </c>
      <c r="E24" s="1" t="s">
        <v>7</v>
      </c>
      <c r="F24" s="1" t="s">
        <v>7</v>
      </c>
      <c r="G24" s="1" t="s">
        <v>7</v>
      </c>
      <c r="H24" s="39">
        <v>49834</v>
      </c>
      <c r="I24" s="1" t="s">
        <v>7</v>
      </c>
      <c r="J24" s="39">
        <v>5.82</v>
      </c>
      <c r="K24" s="39">
        <v>14654.17</v>
      </c>
      <c r="L24" s="1" t="s">
        <v>7</v>
      </c>
      <c r="M24" s="38">
        <v>0.91320000000000001</v>
      </c>
      <c r="N24" s="38">
        <v>0.502</v>
      </c>
      <c r="O24" s="1" t="s">
        <v>7</v>
      </c>
    </row>
    <row r="25" spans="2:15" x14ac:dyDescent="0.2">
      <c r="B25" s="40" t="s">
        <v>304</v>
      </c>
      <c r="C25" s="40" t="s">
        <v>305</v>
      </c>
      <c r="D25" s="40" t="s">
        <v>204</v>
      </c>
      <c r="E25" s="41">
        <v>227552</v>
      </c>
      <c r="F25" s="40" t="s">
        <v>294</v>
      </c>
      <c r="G25" s="40" t="s">
        <v>49</v>
      </c>
      <c r="H25" s="43">
        <v>761</v>
      </c>
      <c r="I25" s="43">
        <v>3699</v>
      </c>
      <c r="J25" s="43">
        <v>0</v>
      </c>
      <c r="K25" s="43">
        <v>87.54</v>
      </c>
      <c r="L25" s="42">
        <v>0</v>
      </c>
      <c r="M25" s="42">
        <v>5.4999999999999997E-3</v>
      </c>
      <c r="N25" s="42">
        <v>3.0000000000000001E-3</v>
      </c>
      <c r="O25" s="41">
        <v>60039435</v>
      </c>
    </row>
    <row r="26" spans="2:15" x14ac:dyDescent="0.2">
      <c r="B26" s="40" t="s">
        <v>306</v>
      </c>
      <c r="C26" s="40" t="s">
        <v>307</v>
      </c>
      <c r="D26" s="40" t="s">
        <v>204</v>
      </c>
      <c r="E26" s="41">
        <v>98339</v>
      </c>
      <c r="F26" s="40" t="s">
        <v>294</v>
      </c>
      <c r="G26" s="40" t="s">
        <v>49</v>
      </c>
      <c r="H26" s="43">
        <v>2277</v>
      </c>
      <c r="I26" s="43">
        <v>8217</v>
      </c>
      <c r="J26" s="43">
        <v>0</v>
      </c>
      <c r="K26" s="43">
        <v>581.88</v>
      </c>
      <c r="L26" s="42">
        <v>1E-4</v>
      </c>
      <c r="M26" s="42">
        <v>3.6299999999999999E-2</v>
      </c>
      <c r="N26" s="42">
        <v>1.9900000000000001E-2</v>
      </c>
      <c r="O26" s="41">
        <v>60133352</v>
      </c>
    </row>
    <row r="27" spans="2:15" x14ac:dyDescent="0.2">
      <c r="B27" s="40" t="s">
        <v>308</v>
      </c>
      <c r="C27" s="40" t="s">
        <v>309</v>
      </c>
      <c r="D27" s="40" t="s">
        <v>204</v>
      </c>
      <c r="E27" s="41">
        <v>98555</v>
      </c>
      <c r="F27" s="40" t="s">
        <v>294</v>
      </c>
      <c r="G27" s="40" t="s">
        <v>49</v>
      </c>
      <c r="H27" s="43">
        <v>456</v>
      </c>
      <c r="I27" s="43">
        <v>32497</v>
      </c>
      <c r="J27" s="43">
        <v>0.18</v>
      </c>
      <c r="K27" s="43">
        <v>461.04</v>
      </c>
      <c r="L27" s="42">
        <v>0</v>
      </c>
      <c r="M27" s="42">
        <v>2.87E-2</v>
      </c>
      <c r="N27" s="42">
        <v>1.5800000000000002E-2</v>
      </c>
      <c r="O27" s="41">
        <v>60150133</v>
      </c>
    </row>
    <row r="28" spans="2:15" x14ac:dyDescent="0.2">
      <c r="B28" s="40" t="s">
        <v>310</v>
      </c>
      <c r="C28" s="40" t="s">
        <v>311</v>
      </c>
      <c r="D28" s="40" t="s">
        <v>150</v>
      </c>
      <c r="E28" s="41">
        <v>97153</v>
      </c>
      <c r="F28" s="40" t="s">
        <v>294</v>
      </c>
      <c r="G28" s="40" t="s">
        <v>49</v>
      </c>
      <c r="H28" s="43">
        <v>646</v>
      </c>
      <c r="I28" s="43">
        <v>6792</v>
      </c>
      <c r="J28" s="43">
        <v>0.69</v>
      </c>
      <c r="K28" s="43">
        <v>137.13999999999999</v>
      </c>
      <c r="L28" s="42">
        <v>0</v>
      </c>
      <c r="M28" s="42">
        <v>8.5000000000000006E-3</v>
      </c>
      <c r="N28" s="42">
        <v>4.7000000000000002E-3</v>
      </c>
      <c r="O28" s="41">
        <v>60310638</v>
      </c>
    </row>
    <row r="29" spans="2:15" x14ac:dyDescent="0.2">
      <c r="B29" s="40" t="s">
        <v>312</v>
      </c>
      <c r="C29" s="40" t="s">
        <v>313</v>
      </c>
      <c r="D29" s="40" t="s">
        <v>150</v>
      </c>
      <c r="E29" s="41">
        <v>97153</v>
      </c>
      <c r="F29" s="40" t="s">
        <v>294</v>
      </c>
      <c r="G29" s="40" t="s">
        <v>49</v>
      </c>
      <c r="H29" s="43">
        <v>2366</v>
      </c>
      <c r="I29" s="43">
        <v>7768</v>
      </c>
      <c r="J29" s="43">
        <v>0</v>
      </c>
      <c r="K29" s="43">
        <v>571.59</v>
      </c>
      <c r="L29" s="42">
        <v>1E-4</v>
      </c>
      <c r="M29" s="42">
        <v>3.56E-2</v>
      </c>
      <c r="N29" s="42">
        <v>1.9599999999999999E-2</v>
      </c>
      <c r="O29" s="41">
        <v>62015722</v>
      </c>
    </row>
    <row r="30" spans="2:15" x14ac:dyDescent="0.2">
      <c r="B30" s="40" t="s">
        <v>314</v>
      </c>
      <c r="C30" s="40" t="s">
        <v>315</v>
      </c>
      <c r="D30" s="40" t="s">
        <v>215</v>
      </c>
      <c r="E30" s="41">
        <v>99341</v>
      </c>
      <c r="F30" s="40" t="s">
        <v>294</v>
      </c>
      <c r="G30" s="40" t="s">
        <v>49</v>
      </c>
      <c r="H30" s="43">
        <v>352</v>
      </c>
      <c r="I30" s="43">
        <v>54396</v>
      </c>
      <c r="J30" s="43">
        <v>0</v>
      </c>
      <c r="K30" s="43">
        <v>595.48</v>
      </c>
      <c r="L30" s="42">
        <v>0</v>
      </c>
      <c r="M30" s="42">
        <v>3.7100000000000001E-2</v>
      </c>
      <c r="N30" s="42">
        <v>2.0400000000000001E-2</v>
      </c>
      <c r="O30" s="41">
        <v>60021425</v>
      </c>
    </row>
    <row r="31" spans="2:15" x14ac:dyDescent="0.2">
      <c r="B31" s="40" t="s">
        <v>316</v>
      </c>
      <c r="C31" s="40" t="s">
        <v>317</v>
      </c>
      <c r="D31" s="40" t="s">
        <v>215</v>
      </c>
      <c r="E31" s="41">
        <v>99588</v>
      </c>
      <c r="F31" s="40" t="s">
        <v>294</v>
      </c>
      <c r="G31" s="40" t="s">
        <v>49</v>
      </c>
      <c r="H31" s="43">
        <v>197</v>
      </c>
      <c r="I31" s="43">
        <v>8315</v>
      </c>
      <c r="J31" s="43">
        <v>0</v>
      </c>
      <c r="K31" s="43">
        <v>50.94</v>
      </c>
      <c r="L31" s="42">
        <v>0</v>
      </c>
      <c r="M31" s="42">
        <v>3.2000000000000002E-3</v>
      </c>
      <c r="N31" s="42">
        <v>1.6999999999999999E-3</v>
      </c>
      <c r="O31" s="41">
        <v>60205473</v>
      </c>
    </row>
    <row r="32" spans="2:15" x14ac:dyDescent="0.2">
      <c r="B32" s="40" t="s">
        <v>318</v>
      </c>
      <c r="C32" s="40" t="s">
        <v>319</v>
      </c>
      <c r="D32" s="40" t="s">
        <v>204</v>
      </c>
      <c r="E32" s="41">
        <v>99237</v>
      </c>
      <c r="F32" s="40" t="s">
        <v>294</v>
      </c>
      <c r="G32" s="40" t="s">
        <v>49</v>
      </c>
      <c r="H32" s="43">
        <v>1216</v>
      </c>
      <c r="I32" s="43">
        <v>43777</v>
      </c>
      <c r="J32" s="43">
        <v>0</v>
      </c>
      <c r="K32" s="43">
        <v>1655.54</v>
      </c>
      <c r="L32" s="42">
        <v>0</v>
      </c>
      <c r="M32" s="42">
        <v>0.1032</v>
      </c>
      <c r="N32" s="42">
        <v>5.67E-2</v>
      </c>
      <c r="O32" s="41">
        <v>60604105</v>
      </c>
    </row>
    <row r="33" spans="2:15" x14ac:dyDescent="0.2">
      <c r="B33" s="40" t="s">
        <v>320</v>
      </c>
      <c r="C33" s="40" t="s">
        <v>321</v>
      </c>
      <c r="D33" s="40" t="s">
        <v>204</v>
      </c>
      <c r="E33" s="41">
        <v>99506</v>
      </c>
      <c r="F33" s="40" t="s">
        <v>294</v>
      </c>
      <c r="G33" s="40" t="s">
        <v>49</v>
      </c>
      <c r="H33" s="43">
        <v>445</v>
      </c>
      <c r="I33" s="43">
        <v>20493</v>
      </c>
      <c r="J33" s="43">
        <v>0</v>
      </c>
      <c r="K33" s="43">
        <v>283.61</v>
      </c>
      <c r="L33" s="42">
        <v>0</v>
      </c>
      <c r="M33" s="42">
        <v>1.77E-2</v>
      </c>
      <c r="N33" s="42">
        <v>9.7000000000000003E-3</v>
      </c>
      <c r="O33" s="41">
        <v>60021169</v>
      </c>
    </row>
    <row r="34" spans="2:15" x14ac:dyDescent="0.2">
      <c r="B34" s="40" t="s">
        <v>322</v>
      </c>
      <c r="C34" s="40" t="s">
        <v>323</v>
      </c>
      <c r="D34" s="40" t="s">
        <v>204</v>
      </c>
      <c r="E34" s="41">
        <v>99506</v>
      </c>
      <c r="F34" s="40" t="s">
        <v>294</v>
      </c>
      <c r="G34" s="40" t="s">
        <v>49</v>
      </c>
      <c r="H34" s="43">
        <v>2289</v>
      </c>
      <c r="I34" s="43">
        <v>8505</v>
      </c>
      <c r="J34" s="43">
        <v>0</v>
      </c>
      <c r="K34" s="43">
        <v>605.45000000000005</v>
      </c>
      <c r="L34" s="42">
        <v>1E-4</v>
      </c>
      <c r="M34" s="42">
        <v>3.7699999999999997E-2</v>
      </c>
      <c r="N34" s="42">
        <v>2.07E-2</v>
      </c>
      <c r="O34" s="41">
        <v>60133634</v>
      </c>
    </row>
    <row r="35" spans="2:15" x14ac:dyDescent="0.2">
      <c r="B35" s="40" t="s">
        <v>324</v>
      </c>
      <c r="C35" s="40" t="s">
        <v>325</v>
      </c>
      <c r="D35" s="40" t="s">
        <v>204</v>
      </c>
      <c r="E35" s="41">
        <v>99506</v>
      </c>
      <c r="F35" s="40" t="s">
        <v>294</v>
      </c>
      <c r="G35" s="40" t="s">
        <v>49</v>
      </c>
      <c r="H35" s="43">
        <v>1932</v>
      </c>
      <c r="I35" s="43">
        <v>17472</v>
      </c>
      <c r="J35" s="43">
        <v>0</v>
      </c>
      <c r="K35" s="43">
        <v>1049.81</v>
      </c>
      <c r="L35" s="42">
        <v>0</v>
      </c>
      <c r="M35" s="42">
        <v>6.54E-2</v>
      </c>
      <c r="N35" s="42">
        <v>3.5999999999999997E-2</v>
      </c>
      <c r="O35" s="41">
        <v>108183</v>
      </c>
    </row>
    <row r="36" spans="2:15" x14ac:dyDescent="0.2">
      <c r="B36" s="40" t="s">
        <v>326</v>
      </c>
      <c r="C36" s="40" t="s">
        <v>327</v>
      </c>
      <c r="D36" s="40" t="s">
        <v>204</v>
      </c>
      <c r="E36" s="41">
        <v>99148</v>
      </c>
      <c r="F36" s="40" t="s">
        <v>294</v>
      </c>
      <c r="G36" s="40" t="s">
        <v>49</v>
      </c>
      <c r="H36" s="43">
        <v>536</v>
      </c>
      <c r="I36" s="43">
        <v>10536</v>
      </c>
      <c r="J36" s="43">
        <v>0</v>
      </c>
      <c r="K36" s="43">
        <v>175.63</v>
      </c>
      <c r="L36" s="42">
        <v>0</v>
      </c>
      <c r="M36" s="42">
        <v>1.09E-2</v>
      </c>
      <c r="N36" s="42">
        <v>6.0000000000000001E-3</v>
      </c>
      <c r="O36" s="41">
        <v>60094026</v>
      </c>
    </row>
    <row r="37" spans="2:15" x14ac:dyDescent="0.2">
      <c r="B37" s="40" t="s">
        <v>328</v>
      </c>
      <c r="C37" s="40" t="s">
        <v>329</v>
      </c>
      <c r="D37" s="40" t="s">
        <v>215</v>
      </c>
      <c r="E37" s="41">
        <v>99965</v>
      </c>
      <c r="F37" s="40" t="s">
        <v>294</v>
      </c>
      <c r="G37" s="40" t="s">
        <v>49</v>
      </c>
      <c r="H37" s="43">
        <v>1214</v>
      </c>
      <c r="I37" s="43">
        <v>40035</v>
      </c>
      <c r="J37" s="43">
        <v>1.32</v>
      </c>
      <c r="K37" s="43">
        <v>1512.86</v>
      </c>
      <c r="L37" s="42">
        <v>0</v>
      </c>
      <c r="M37" s="42">
        <v>9.4299999999999995E-2</v>
      </c>
      <c r="N37" s="42">
        <v>5.1799999999999999E-2</v>
      </c>
      <c r="O37" s="41">
        <v>112243</v>
      </c>
    </row>
    <row r="38" spans="2:15" x14ac:dyDescent="0.2">
      <c r="B38" s="40" t="s">
        <v>330</v>
      </c>
      <c r="C38" s="40" t="s">
        <v>331</v>
      </c>
      <c r="D38" s="40" t="s">
        <v>150</v>
      </c>
      <c r="E38" s="41">
        <v>97495</v>
      </c>
      <c r="F38" s="40" t="s">
        <v>294</v>
      </c>
      <c r="G38" s="40" t="s">
        <v>57</v>
      </c>
      <c r="H38" s="43">
        <v>1981</v>
      </c>
      <c r="I38" s="43">
        <v>6163.88</v>
      </c>
      <c r="J38" s="43">
        <v>0</v>
      </c>
      <c r="K38" s="43">
        <v>48.68</v>
      </c>
      <c r="L38" s="42">
        <v>0</v>
      </c>
      <c r="M38" s="42">
        <v>3.0000000000000001E-3</v>
      </c>
      <c r="N38" s="42">
        <v>1.6999999999999999E-3</v>
      </c>
      <c r="O38" s="41">
        <v>60321791</v>
      </c>
    </row>
    <row r="39" spans="2:15" x14ac:dyDescent="0.2">
      <c r="B39" s="40" t="s">
        <v>332</v>
      </c>
      <c r="C39" s="40" t="s">
        <v>333</v>
      </c>
      <c r="D39" s="40" t="s">
        <v>150</v>
      </c>
      <c r="E39" s="41">
        <v>93273</v>
      </c>
      <c r="F39" s="40" t="s">
        <v>294</v>
      </c>
      <c r="G39" s="40" t="s">
        <v>49</v>
      </c>
      <c r="H39" s="43">
        <v>1239</v>
      </c>
      <c r="I39" s="43">
        <v>7877</v>
      </c>
      <c r="J39" s="43">
        <v>0</v>
      </c>
      <c r="K39" s="43">
        <v>303.52</v>
      </c>
      <c r="L39" s="42">
        <v>0</v>
      </c>
      <c r="M39" s="42">
        <v>1.89E-2</v>
      </c>
      <c r="N39" s="42">
        <v>1.04E-2</v>
      </c>
      <c r="O39" s="41">
        <v>62008057</v>
      </c>
    </row>
    <row r="40" spans="2:15" x14ac:dyDescent="0.2">
      <c r="B40" s="40" t="s">
        <v>334</v>
      </c>
      <c r="C40" s="40" t="s">
        <v>335</v>
      </c>
      <c r="D40" s="40" t="s">
        <v>215</v>
      </c>
      <c r="E40" s="41">
        <v>98677</v>
      </c>
      <c r="F40" s="40" t="s">
        <v>294</v>
      </c>
      <c r="G40" s="40" t="s">
        <v>49</v>
      </c>
      <c r="H40" s="43">
        <v>3303</v>
      </c>
      <c r="I40" s="43">
        <v>3210</v>
      </c>
      <c r="J40" s="43">
        <v>0</v>
      </c>
      <c r="K40" s="43">
        <v>329.74</v>
      </c>
      <c r="L40" s="42">
        <v>1E-4</v>
      </c>
      <c r="M40" s="42">
        <v>2.0500000000000001E-2</v>
      </c>
      <c r="N40" s="42">
        <v>1.1299999999999999E-2</v>
      </c>
      <c r="O40" s="41">
        <v>76755354</v>
      </c>
    </row>
    <row r="41" spans="2:15" x14ac:dyDescent="0.2">
      <c r="B41" s="40" t="s">
        <v>336</v>
      </c>
      <c r="C41" s="40" t="s">
        <v>337</v>
      </c>
      <c r="D41" s="40" t="s">
        <v>338</v>
      </c>
      <c r="E41" s="41">
        <v>99307</v>
      </c>
      <c r="F41" s="40" t="s">
        <v>294</v>
      </c>
      <c r="G41" s="40" t="s">
        <v>53</v>
      </c>
      <c r="H41" s="43">
        <v>1063</v>
      </c>
      <c r="I41" s="43">
        <v>13462</v>
      </c>
      <c r="J41" s="43">
        <v>0</v>
      </c>
      <c r="K41" s="43">
        <v>504</v>
      </c>
      <c r="L41" s="42">
        <v>0</v>
      </c>
      <c r="M41" s="42">
        <v>3.1399999999999997E-2</v>
      </c>
      <c r="N41" s="42">
        <v>1.7299999999999999E-2</v>
      </c>
      <c r="O41" s="41">
        <v>70597752</v>
      </c>
    </row>
    <row r="42" spans="2:15" x14ac:dyDescent="0.2">
      <c r="B42" s="40" t="s">
        <v>339</v>
      </c>
      <c r="C42" s="40" t="s">
        <v>340</v>
      </c>
      <c r="D42" s="40" t="s">
        <v>150</v>
      </c>
      <c r="E42" s="41">
        <v>99307</v>
      </c>
      <c r="F42" s="40" t="s">
        <v>294</v>
      </c>
      <c r="G42" s="40" t="s">
        <v>53</v>
      </c>
      <c r="H42" s="43">
        <v>4580</v>
      </c>
      <c r="I42" s="43">
        <v>4317</v>
      </c>
      <c r="J42" s="43">
        <v>0</v>
      </c>
      <c r="K42" s="43">
        <v>696.36</v>
      </c>
      <c r="L42" s="42">
        <v>0</v>
      </c>
      <c r="M42" s="42">
        <v>4.3400000000000001E-2</v>
      </c>
      <c r="N42" s="42">
        <v>2.3800000000000002E-2</v>
      </c>
      <c r="O42" s="41">
        <v>1077486</v>
      </c>
    </row>
    <row r="43" spans="2:15" x14ac:dyDescent="0.2">
      <c r="B43" s="40" t="s">
        <v>341</v>
      </c>
      <c r="C43" s="40" t="s">
        <v>342</v>
      </c>
      <c r="D43" s="40" t="s">
        <v>150</v>
      </c>
      <c r="E43" s="41">
        <v>93170</v>
      </c>
      <c r="F43" s="40" t="s">
        <v>294</v>
      </c>
      <c r="G43" s="40" t="s">
        <v>49</v>
      </c>
      <c r="H43" s="43">
        <v>1064</v>
      </c>
      <c r="I43" s="43">
        <v>4327</v>
      </c>
      <c r="J43" s="43">
        <v>0</v>
      </c>
      <c r="K43" s="43">
        <v>143.18</v>
      </c>
      <c r="L43" s="42">
        <v>1E-4</v>
      </c>
      <c r="M43" s="42">
        <v>8.8999999999999999E-3</v>
      </c>
      <c r="N43" s="42">
        <v>4.8999999999999998E-3</v>
      </c>
      <c r="O43" s="41">
        <v>62005673</v>
      </c>
    </row>
    <row r="44" spans="2:15" x14ac:dyDescent="0.2">
      <c r="B44" s="40" t="s">
        <v>343</v>
      </c>
      <c r="C44" s="40" t="s">
        <v>344</v>
      </c>
      <c r="D44" s="40" t="s">
        <v>150</v>
      </c>
      <c r="E44" s="41">
        <v>91465</v>
      </c>
      <c r="F44" s="40" t="s">
        <v>294</v>
      </c>
      <c r="G44" s="40" t="s">
        <v>49</v>
      </c>
      <c r="H44" s="43">
        <v>618</v>
      </c>
      <c r="I44" s="43">
        <v>10549</v>
      </c>
      <c r="J44" s="43">
        <v>0.91</v>
      </c>
      <c r="K44" s="43">
        <v>203.66</v>
      </c>
      <c r="L44" s="42">
        <v>0</v>
      </c>
      <c r="M44" s="42">
        <v>1.2699999999999999E-2</v>
      </c>
      <c r="N44" s="42">
        <v>7.0000000000000001E-3</v>
      </c>
      <c r="O44" s="41">
        <v>60280450</v>
      </c>
    </row>
    <row r="45" spans="2:15" x14ac:dyDescent="0.2">
      <c r="B45" s="40" t="s">
        <v>345</v>
      </c>
      <c r="C45" s="40" t="s">
        <v>346</v>
      </c>
      <c r="D45" s="40" t="s">
        <v>150</v>
      </c>
      <c r="E45" s="41">
        <v>99964</v>
      </c>
      <c r="F45" s="40" t="s">
        <v>294</v>
      </c>
      <c r="G45" s="40" t="s">
        <v>49</v>
      </c>
      <c r="H45" s="43">
        <v>1027</v>
      </c>
      <c r="I45" s="43">
        <v>21177</v>
      </c>
      <c r="J45" s="43">
        <v>0</v>
      </c>
      <c r="K45" s="43">
        <v>676.39</v>
      </c>
      <c r="L45" s="42">
        <v>8.9999999999999998E-4</v>
      </c>
      <c r="M45" s="42">
        <v>4.2099999999999999E-2</v>
      </c>
      <c r="N45" s="42">
        <v>2.3199999999999998E-2</v>
      </c>
      <c r="O45" s="41">
        <v>62017165</v>
      </c>
    </row>
    <row r="46" spans="2:15" x14ac:dyDescent="0.2">
      <c r="B46" s="40" t="s">
        <v>347</v>
      </c>
      <c r="C46" s="40" t="s">
        <v>348</v>
      </c>
      <c r="D46" s="40" t="s">
        <v>277</v>
      </c>
      <c r="E46" s="41">
        <v>99964</v>
      </c>
      <c r="F46" s="40" t="s">
        <v>294</v>
      </c>
      <c r="G46" s="40" t="s">
        <v>49</v>
      </c>
      <c r="H46" s="43">
        <v>830</v>
      </c>
      <c r="I46" s="43">
        <v>32833.5</v>
      </c>
      <c r="J46" s="43">
        <v>0</v>
      </c>
      <c r="K46" s="43">
        <v>847.53</v>
      </c>
      <c r="L46" s="42">
        <v>1E-4</v>
      </c>
      <c r="M46" s="42">
        <v>5.28E-2</v>
      </c>
      <c r="N46" s="42">
        <v>2.9000000000000001E-2</v>
      </c>
      <c r="O46" s="41">
        <v>77414241</v>
      </c>
    </row>
    <row r="47" spans="2:15" x14ac:dyDescent="0.2">
      <c r="B47" s="40" t="s">
        <v>349</v>
      </c>
      <c r="C47" s="40" t="s">
        <v>350</v>
      </c>
      <c r="D47" s="40" t="s">
        <v>277</v>
      </c>
      <c r="E47" s="41">
        <v>99964</v>
      </c>
      <c r="F47" s="40" t="s">
        <v>294</v>
      </c>
      <c r="G47" s="40" t="s">
        <v>49</v>
      </c>
      <c r="H47" s="43">
        <v>11573</v>
      </c>
      <c r="I47" s="43">
        <v>2103.25</v>
      </c>
      <c r="J47" s="43">
        <v>0</v>
      </c>
      <c r="K47" s="43">
        <v>757</v>
      </c>
      <c r="L47" s="42">
        <v>1.1000000000000001E-3</v>
      </c>
      <c r="M47" s="42">
        <v>4.7199999999999999E-2</v>
      </c>
      <c r="N47" s="42">
        <v>2.5899999999999999E-2</v>
      </c>
      <c r="O47" s="41">
        <v>77530517</v>
      </c>
    </row>
    <row r="48" spans="2:15" x14ac:dyDescent="0.2">
      <c r="B48" s="40" t="s">
        <v>351</v>
      </c>
      <c r="C48" s="40" t="s">
        <v>352</v>
      </c>
      <c r="D48" s="40" t="s">
        <v>150</v>
      </c>
      <c r="E48" s="41">
        <v>97320</v>
      </c>
      <c r="F48" s="40" t="s">
        <v>294</v>
      </c>
      <c r="G48" s="40" t="s">
        <v>53</v>
      </c>
      <c r="H48" s="43">
        <v>830</v>
      </c>
      <c r="I48" s="43">
        <v>4276.7</v>
      </c>
      <c r="J48" s="43">
        <v>0</v>
      </c>
      <c r="K48" s="43">
        <v>125.02</v>
      </c>
      <c r="L48" s="42">
        <v>1E-4</v>
      </c>
      <c r="M48" s="42">
        <v>7.7999999999999996E-3</v>
      </c>
      <c r="N48" s="42">
        <v>4.3E-3</v>
      </c>
      <c r="O48" s="41">
        <v>60406956</v>
      </c>
    </row>
    <row r="49" spans="2:15" x14ac:dyDescent="0.2">
      <c r="B49" s="40" t="s">
        <v>353</v>
      </c>
      <c r="C49" s="40" t="s">
        <v>354</v>
      </c>
      <c r="D49" s="40" t="s">
        <v>204</v>
      </c>
      <c r="E49" s="41">
        <v>918701</v>
      </c>
      <c r="F49" s="40" t="s">
        <v>294</v>
      </c>
      <c r="G49" s="40" t="s">
        <v>49</v>
      </c>
      <c r="H49" s="43">
        <v>6230</v>
      </c>
      <c r="I49" s="43">
        <v>5600</v>
      </c>
      <c r="J49" s="43">
        <v>0</v>
      </c>
      <c r="K49" s="43">
        <v>1085.02</v>
      </c>
      <c r="L49" s="42">
        <v>0</v>
      </c>
      <c r="M49" s="42">
        <v>6.7599999999999993E-2</v>
      </c>
      <c r="N49" s="42">
        <v>3.7199999999999997E-2</v>
      </c>
      <c r="O49" s="41">
        <v>76394998</v>
      </c>
    </row>
    <row r="50" spans="2:15" x14ac:dyDescent="0.2">
      <c r="B50" s="40" t="s">
        <v>355</v>
      </c>
      <c r="C50" s="40" t="s">
        <v>356</v>
      </c>
      <c r="D50" s="40" t="s">
        <v>204</v>
      </c>
      <c r="E50" s="41">
        <v>99343</v>
      </c>
      <c r="F50" s="40" t="s">
        <v>294</v>
      </c>
      <c r="G50" s="40" t="s">
        <v>49</v>
      </c>
      <c r="H50" s="43">
        <v>101</v>
      </c>
      <c r="I50" s="43">
        <v>36407</v>
      </c>
      <c r="J50" s="43">
        <v>0.15</v>
      </c>
      <c r="K50" s="43">
        <v>114.51</v>
      </c>
      <c r="L50" s="42">
        <v>0</v>
      </c>
      <c r="M50" s="42">
        <v>7.1000000000000004E-3</v>
      </c>
      <c r="N50" s="42">
        <v>3.8999999999999998E-3</v>
      </c>
      <c r="O50" s="41">
        <v>102624</v>
      </c>
    </row>
    <row r="51" spans="2:15" x14ac:dyDescent="0.2">
      <c r="B51" s="40" t="s">
        <v>357</v>
      </c>
      <c r="C51" s="40" t="s">
        <v>358</v>
      </c>
      <c r="D51" s="40" t="s">
        <v>204</v>
      </c>
      <c r="E51" s="41">
        <v>99390</v>
      </c>
      <c r="F51" s="40" t="s">
        <v>294</v>
      </c>
      <c r="G51" s="40" t="s">
        <v>49</v>
      </c>
      <c r="H51" s="43">
        <v>708</v>
      </c>
      <c r="I51" s="43">
        <v>47616</v>
      </c>
      <c r="J51" s="43">
        <v>2.57</v>
      </c>
      <c r="K51" s="43">
        <v>1051.01</v>
      </c>
      <c r="L51" s="42">
        <v>0</v>
      </c>
      <c r="M51" s="42">
        <v>6.5500000000000003E-2</v>
      </c>
      <c r="N51" s="42">
        <v>3.5999999999999997E-2</v>
      </c>
      <c r="O51" s="41">
        <v>1056787</v>
      </c>
    </row>
    <row r="52" spans="2:15" x14ac:dyDescent="0.2">
      <c r="B52" s="1" t="s">
        <v>359</v>
      </c>
      <c r="C52" s="1" t="s">
        <v>7</v>
      </c>
      <c r="D52" s="1" t="s">
        <v>7</v>
      </c>
      <c r="E52" s="1" t="s">
        <v>7</v>
      </c>
      <c r="F52" s="1" t="s">
        <v>7</v>
      </c>
      <c r="G52" s="1" t="s">
        <v>7</v>
      </c>
      <c r="H52" s="39">
        <v>0</v>
      </c>
      <c r="I52" s="1" t="s">
        <v>7</v>
      </c>
      <c r="J52" s="39">
        <v>0</v>
      </c>
      <c r="K52" s="39">
        <v>0</v>
      </c>
      <c r="L52" s="1" t="s">
        <v>7</v>
      </c>
      <c r="M52" s="38">
        <v>0</v>
      </c>
      <c r="N52" s="38">
        <v>0</v>
      </c>
      <c r="O52" s="1" t="s">
        <v>7</v>
      </c>
    </row>
    <row r="53" spans="2:15" x14ac:dyDescent="0.2">
      <c r="B53" s="1" t="s">
        <v>360</v>
      </c>
      <c r="C53" s="1" t="s">
        <v>7</v>
      </c>
      <c r="D53" s="1" t="s">
        <v>7</v>
      </c>
      <c r="E53" s="1" t="s">
        <v>7</v>
      </c>
      <c r="F53" s="1" t="s">
        <v>7</v>
      </c>
      <c r="G53" s="1" t="s">
        <v>7</v>
      </c>
      <c r="H53" s="39">
        <v>1514</v>
      </c>
      <c r="I53" s="1" t="s">
        <v>7</v>
      </c>
      <c r="J53" s="39">
        <v>0</v>
      </c>
      <c r="K53" s="39">
        <v>399.85</v>
      </c>
      <c r="L53" s="1" t="s">
        <v>7</v>
      </c>
      <c r="M53" s="38">
        <v>2.4899999999999999E-2</v>
      </c>
      <c r="N53" s="38">
        <v>1.37E-2</v>
      </c>
      <c r="O53" s="1" t="s">
        <v>7</v>
      </c>
    </row>
    <row r="54" spans="2:15" x14ac:dyDescent="0.2">
      <c r="B54" s="40" t="s">
        <v>361</v>
      </c>
      <c r="C54" s="40" t="s">
        <v>362</v>
      </c>
      <c r="D54" s="40" t="s">
        <v>150</v>
      </c>
      <c r="E54" s="41">
        <v>98677</v>
      </c>
      <c r="F54" s="40" t="s">
        <v>363</v>
      </c>
      <c r="G54" s="40" t="s">
        <v>49</v>
      </c>
      <c r="H54" s="43">
        <v>1514</v>
      </c>
      <c r="I54" s="43">
        <v>8492</v>
      </c>
      <c r="J54" s="43">
        <v>0</v>
      </c>
      <c r="K54" s="43">
        <v>399.85</v>
      </c>
      <c r="L54" s="42">
        <v>0</v>
      </c>
      <c r="M54" s="42">
        <v>2.4899999999999999E-2</v>
      </c>
      <c r="N54" s="42">
        <v>1.37E-2</v>
      </c>
      <c r="O54" s="41">
        <v>62006341</v>
      </c>
    </row>
    <row r="55" spans="2:15" x14ac:dyDescent="0.2">
      <c r="B55" s="1" t="s">
        <v>302</v>
      </c>
      <c r="C55" s="1" t="s">
        <v>7</v>
      </c>
      <c r="D55" s="1" t="s">
        <v>7</v>
      </c>
      <c r="E55" s="1" t="s">
        <v>7</v>
      </c>
      <c r="F55" s="1" t="s">
        <v>7</v>
      </c>
      <c r="G55" s="1" t="s">
        <v>7</v>
      </c>
      <c r="H55" s="39">
        <v>0</v>
      </c>
      <c r="I55" s="1" t="s">
        <v>7</v>
      </c>
      <c r="J55" s="39">
        <v>0</v>
      </c>
      <c r="K55" s="39">
        <v>0</v>
      </c>
      <c r="L55" s="1" t="s">
        <v>7</v>
      </c>
      <c r="M55" s="38">
        <v>0</v>
      </c>
      <c r="N55" s="38">
        <v>0</v>
      </c>
      <c r="O55" s="1" t="s">
        <v>7</v>
      </c>
    </row>
    <row r="56" spans="2:15" x14ac:dyDescent="0.2">
      <c r="B56" s="36" t="s">
        <v>100</v>
      </c>
    </row>
    <row r="57" spans="2:15" x14ac:dyDescent="0.2">
      <c r="B57" s="36" t="s">
        <v>126</v>
      </c>
    </row>
    <row r="58" spans="2:15" x14ac:dyDescent="0.2">
      <c r="B58" s="52" t="s">
        <v>59</v>
      </c>
      <c r="C58" s="46"/>
      <c r="D58" s="46"/>
      <c r="E58" s="46"/>
      <c r="F58" s="46"/>
      <c r="G58" s="46"/>
      <c r="H58" s="46"/>
      <c r="I58" s="46"/>
      <c r="J58" s="46"/>
      <c r="K58" s="46"/>
      <c r="L58" s="46"/>
      <c r="M58" s="46"/>
      <c r="N58" s="46"/>
      <c r="O58" s="46"/>
    </row>
  </sheetData>
  <mergeCells count="1">
    <mergeCell ref="B58:O58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24"/>
  <sheetViews>
    <sheetView rightToLeft="1" topLeftCell="A10" workbookViewId="0"/>
  </sheetViews>
  <sheetFormatPr defaultRowHeight="14.25" x14ac:dyDescent="0.2"/>
  <cols>
    <col min="1" max="1" width="3" customWidth="1"/>
    <col min="2" max="2" width="35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10" width="10" customWidth="1"/>
    <col min="11" max="11" width="8" customWidth="1"/>
    <col min="12" max="12" width="10" customWidth="1"/>
    <col min="13" max="13" width="22" customWidth="1"/>
    <col min="14" max="14" width="24" customWidth="1"/>
    <col min="15" max="15" width="23" customWidth="1"/>
    <col min="16" max="16" width="2" customWidth="1"/>
  </cols>
  <sheetData>
    <row r="1" spans="2:16" x14ac:dyDescent="0.2">
      <c r="B1" s="37" t="s">
        <v>0</v>
      </c>
      <c r="C1" s="37" t="s">
        <v>1</v>
      </c>
    </row>
    <row r="2" spans="2:16" x14ac:dyDescent="0.2">
      <c r="B2" s="37" t="s">
        <v>2</v>
      </c>
      <c r="C2" s="37" t="s">
        <v>3</v>
      </c>
    </row>
    <row r="3" spans="2:16" x14ac:dyDescent="0.2">
      <c r="B3" s="37" t="s">
        <v>4</v>
      </c>
      <c r="C3" s="37" t="s">
        <v>5</v>
      </c>
    </row>
    <row r="4" spans="2:16" x14ac:dyDescent="0.2">
      <c r="B4" s="37" t="s">
        <v>6</v>
      </c>
      <c r="C4" s="37">
        <v>1526</v>
      </c>
    </row>
    <row r="5" spans="2:16" x14ac:dyDescent="0.2">
      <c r="B5" s="37" t="s">
        <v>7</v>
      </c>
      <c r="C5" s="37" t="s">
        <v>7</v>
      </c>
    </row>
    <row r="6" spans="2:16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2:16" x14ac:dyDescent="0.2">
      <c r="B7" s="3" t="s">
        <v>364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2:16" x14ac:dyDescent="0.2">
      <c r="B8" s="1" t="s">
        <v>61</v>
      </c>
      <c r="C8" s="1" t="s">
        <v>62</v>
      </c>
      <c r="D8" s="1" t="s">
        <v>103</v>
      </c>
      <c r="E8" s="1" t="s">
        <v>63</v>
      </c>
      <c r="F8" s="1" t="s">
        <v>129</v>
      </c>
      <c r="G8" s="1" t="s">
        <v>64</v>
      </c>
      <c r="H8" s="1" t="s">
        <v>65</v>
      </c>
      <c r="I8" s="1" t="s">
        <v>66</v>
      </c>
      <c r="J8" s="1" t="s">
        <v>106</v>
      </c>
      <c r="K8" s="1" t="s">
        <v>107</v>
      </c>
      <c r="L8" s="1" t="s">
        <v>69</v>
      </c>
      <c r="M8" s="1" t="s">
        <v>109</v>
      </c>
      <c r="N8" s="1" t="s">
        <v>70</v>
      </c>
      <c r="O8" s="1" t="s">
        <v>110</v>
      </c>
      <c r="P8" s="1" t="s">
        <v>7</v>
      </c>
    </row>
    <row r="9" spans="2:16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12</v>
      </c>
      <c r="K9" s="1" t="s">
        <v>113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2:16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14</v>
      </c>
      <c r="N10" s="1" t="s">
        <v>115</v>
      </c>
      <c r="O10" s="1" t="s">
        <v>116</v>
      </c>
      <c r="P10" s="1" t="s">
        <v>7</v>
      </c>
    </row>
    <row r="11" spans="2:16" x14ac:dyDescent="0.2">
      <c r="B11" s="1" t="s">
        <v>365</v>
      </c>
      <c r="C11" s="1" t="s">
        <v>7</v>
      </c>
      <c r="D11" s="1" t="s">
        <v>7</v>
      </c>
      <c r="E11" s="1" t="s">
        <v>7</v>
      </c>
      <c r="F11" s="1" t="s">
        <v>7</v>
      </c>
      <c r="G11" s="1" t="s">
        <v>7</v>
      </c>
      <c r="H11" s="1" t="s">
        <v>7</v>
      </c>
      <c r="I11" s="1" t="s">
        <v>7</v>
      </c>
      <c r="J11" s="39">
        <v>0</v>
      </c>
      <c r="K11" s="1" t="s">
        <v>7</v>
      </c>
      <c r="L11" s="39">
        <v>0</v>
      </c>
      <c r="M11" s="1" t="s">
        <v>7</v>
      </c>
      <c r="N11" s="38">
        <v>0</v>
      </c>
      <c r="O11" s="38">
        <v>0</v>
      </c>
      <c r="P11" s="1" t="s">
        <v>7</v>
      </c>
    </row>
    <row r="12" spans="2:16" x14ac:dyDescent="0.2">
      <c r="B12" s="1" t="s">
        <v>81</v>
      </c>
      <c r="C12" s="1" t="s">
        <v>7</v>
      </c>
      <c r="D12" s="1" t="s">
        <v>7</v>
      </c>
      <c r="E12" s="1" t="s">
        <v>7</v>
      </c>
      <c r="F12" s="1" t="s">
        <v>7</v>
      </c>
      <c r="G12" s="1" t="s">
        <v>7</v>
      </c>
      <c r="H12" s="1" t="s">
        <v>7</v>
      </c>
      <c r="I12" s="1" t="s">
        <v>7</v>
      </c>
      <c r="J12" s="39">
        <v>0</v>
      </c>
      <c r="K12" s="1" t="s">
        <v>7</v>
      </c>
      <c r="L12" s="39">
        <v>0</v>
      </c>
      <c r="M12" s="1" t="s">
        <v>7</v>
      </c>
      <c r="N12" s="38">
        <v>0</v>
      </c>
      <c r="O12" s="38">
        <v>0</v>
      </c>
      <c r="P12" s="1" t="s">
        <v>7</v>
      </c>
    </row>
    <row r="13" spans="2:16" x14ac:dyDescent="0.2">
      <c r="B13" s="1" t="s">
        <v>366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39">
        <v>0</v>
      </c>
      <c r="K13" s="1" t="s">
        <v>7</v>
      </c>
      <c r="L13" s="39">
        <v>0</v>
      </c>
      <c r="M13" s="1" t="s">
        <v>7</v>
      </c>
      <c r="N13" s="38">
        <v>0</v>
      </c>
      <c r="O13" s="38">
        <v>0</v>
      </c>
      <c r="P13" s="1" t="s">
        <v>7</v>
      </c>
    </row>
    <row r="14" spans="2:16" x14ac:dyDescent="0.2">
      <c r="B14" s="1" t="s">
        <v>367</v>
      </c>
      <c r="C14" s="1" t="s">
        <v>7</v>
      </c>
      <c r="D14" s="1" t="s">
        <v>7</v>
      </c>
      <c r="E14" s="1" t="s">
        <v>7</v>
      </c>
      <c r="F14" s="1" t="s">
        <v>7</v>
      </c>
      <c r="G14" s="1" t="s">
        <v>7</v>
      </c>
      <c r="H14" s="1" t="s">
        <v>7</v>
      </c>
      <c r="I14" s="1" t="s">
        <v>7</v>
      </c>
      <c r="J14" s="39">
        <v>0</v>
      </c>
      <c r="K14" s="1" t="s">
        <v>7</v>
      </c>
      <c r="L14" s="39">
        <v>0</v>
      </c>
      <c r="M14" s="1" t="s">
        <v>7</v>
      </c>
      <c r="N14" s="38">
        <v>0</v>
      </c>
      <c r="O14" s="38">
        <v>0</v>
      </c>
      <c r="P14" s="1" t="s">
        <v>7</v>
      </c>
    </row>
    <row r="15" spans="2:16" x14ac:dyDescent="0.2">
      <c r="B15" s="1" t="s">
        <v>146</v>
      </c>
      <c r="C15" s="1" t="s">
        <v>7</v>
      </c>
      <c r="D15" s="1" t="s">
        <v>7</v>
      </c>
      <c r="E15" s="1" t="s">
        <v>7</v>
      </c>
      <c r="F15" s="1" t="s">
        <v>7</v>
      </c>
      <c r="G15" s="1" t="s">
        <v>7</v>
      </c>
      <c r="H15" s="1" t="s">
        <v>7</v>
      </c>
      <c r="I15" s="1" t="s">
        <v>7</v>
      </c>
      <c r="J15" s="39">
        <v>0</v>
      </c>
      <c r="K15" s="1" t="s">
        <v>7</v>
      </c>
      <c r="L15" s="39">
        <v>0</v>
      </c>
      <c r="M15" s="1" t="s">
        <v>7</v>
      </c>
      <c r="N15" s="38">
        <v>0</v>
      </c>
      <c r="O15" s="38">
        <v>0</v>
      </c>
      <c r="P15" s="1" t="s">
        <v>7</v>
      </c>
    </row>
    <row r="16" spans="2:16" x14ac:dyDescent="0.2">
      <c r="B16" s="1" t="s">
        <v>301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39">
        <v>0</v>
      </c>
      <c r="K16" s="1" t="s">
        <v>7</v>
      </c>
      <c r="L16" s="39">
        <v>0</v>
      </c>
      <c r="M16" s="1" t="s">
        <v>7</v>
      </c>
      <c r="N16" s="38">
        <v>0</v>
      </c>
      <c r="O16" s="38">
        <v>0</v>
      </c>
      <c r="P16" s="1" t="s">
        <v>7</v>
      </c>
    </row>
    <row r="17" spans="2:16" x14ac:dyDescent="0.2">
      <c r="B17" s="1" t="s">
        <v>98</v>
      </c>
      <c r="C17" s="1" t="s">
        <v>7</v>
      </c>
      <c r="D17" s="1" t="s">
        <v>7</v>
      </c>
      <c r="E17" s="1" t="s">
        <v>7</v>
      </c>
      <c r="F17" s="1" t="s">
        <v>7</v>
      </c>
      <c r="G17" s="1" t="s">
        <v>7</v>
      </c>
      <c r="H17" s="1" t="s">
        <v>7</v>
      </c>
      <c r="I17" s="1" t="s">
        <v>7</v>
      </c>
      <c r="J17" s="39">
        <v>0</v>
      </c>
      <c r="K17" s="1" t="s">
        <v>7</v>
      </c>
      <c r="L17" s="39">
        <v>0</v>
      </c>
      <c r="M17" s="1" t="s">
        <v>7</v>
      </c>
      <c r="N17" s="38">
        <v>0</v>
      </c>
      <c r="O17" s="38">
        <v>0</v>
      </c>
      <c r="P17" s="1" t="s">
        <v>7</v>
      </c>
    </row>
    <row r="18" spans="2:16" x14ac:dyDescent="0.2">
      <c r="B18" s="1" t="s">
        <v>366</v>
      </c>
      <c r="C18" s="1" t="s">
        <v>7</v>
      </c>
      <c r="D18" s="1" t="s">
        <v>7</v>
      </c>
      <c r="E18" s="1" t="s">
        <v>7</v>
      </c>
      <c r="F18" s="1" t="s">
        <v>7</v>
      </c>
      <c r="G18" s="1" t="s">
        <v>7</v>
      </c>
      <c r="H18" s="1" t="s">
        <v>7</v>
      </c>
      <c r="I18" s="1" t="s">
        <v>7</v>
      </c>
      <c r="J18" s="39">
        <v>0</v>
      </c>
      <c r="K18" s="1" t="s">
        <v>7</v>
      </c>
      <c r="L18" s="39">
        <v>0</v>
      </c>
      <c r="M18" s="1" t="s">
        <v>7</v>
      </c>
      <c r="N18" s="38">
        <v>0</v>
      </c>
      <c r="O18" s="38">
        <v>0</v>
      </c>
      <c r="P18" s="1" t="s">
        <v>7</v>
      </c>
    </row>
    <row r="19" spans="2:16" x14ac:dyDescent="0.2">
      <c r="B19" s="1" t="s">
        <v>367</v>
      </c>
      <c r="C19" s="1" t="s">
        <v>7</v>
      </c>
      <c r="D19" s="1" t="s">
        <v>7</v>
      </c>
      <c r="E19" s="1" t="s">
        <v>7</v>
      </c>
      <c r="F19" s="1" t="s">
        <v>7</v>
      </c>
      <c r="G19" s="1" t="s">
        <v>7</v>
      </c>
      <c r="H19" s="1" t="s">
        <v>7</v>
      </c>
      <c r="I19" s="1" t="s">
        <v>7</v>
      </c>
      <c r="J19" s="39">
        <v>0</v>
      </c>
      <c r="K19" s="1" t="s">
        <v>7</v>
      </c>
      <c r="L19" s="39">
        <v>0</v>
      </c>
      <c r="M19" s="1" t="s">
        <v>7</v>
      </c>
      <c r="N19" s="38">
        <v>0</v>
      </c>
      <c r="O19" s="38">
        <v>0</v>
      </c>
      <c r="P19" s="1" t="s">
        <v>7</v>
      </c>
    </row>
    <row r="20" spans="2:16" x14ac:dyDescent="0.2">
      <c r="B20" s="1" t="s">
        <v>146</v>
      </c>
      <c r="C20" s="1" t="s">
        <v>7</v>
      </c>
      <c r="D20" s="1" t="s">
        <v>7</v>
      </c>
      <c r="E20" s="1" t="s">
        <v>7</v>
      </c>
      <c r="F20" s="1" t="s">
        <v>7</v>
      </c>
      <c r="G20" s="1" t="s">
        <v>7</v>
      </c>
      <c r="H20" s="1" t="s">
        <v>7</v>
      </c>
      <c r="I20" s="1" t="s">
        <v>7</v>
      </c>
      <c r="J20" s="39">
        <v>0</v>
      </c>
      <c r="K20" s="1" t="s">
        <v>7</v>
      </c>
      <c r="L20" s="39">
        <v>0</v>
      </c>
      <c r="M20" s="1" t="s">
        <v>7</v>
      </c>
      <c r="N20" s="38">
        <v>0</v>
      </c>
      <c r="O20" s="38">
        <v>0</v>
      </c>
      <c r="P20" s="1" t="s">
        <v>7</v>
      </c>
    </row>
    <row r="21" spans="2:16" x14ac:dyDescent="0.2">
      <c r="B21" s="1" t="s">
        <v>301</v>
      </c>
      <c r="C21" s="1" t="s">
        <v>7</v>
      </c>
      <c r="D21" s="1" t="s">
        <v>7</v>
      </c>
      <c r="E21" s="1" t="s">
        <v>7</v>
      </c>
      <c r="F21" s="1" t="s">
        <v>7</v>
      </c>
      <c r="G21" s="1" t="s">
        <v>7</v>
      </c>
      <c r="H21" s="1" t="s">
        <v>7</v>
      </c>
      <c r="I21" s="1" t="s">
        <v>7</v>
      </c>
      <c r="J21" s="39">
        <v>0</v>
      </c>
      <c r="K21" s="1" t="s">
        <v>7</v>
      </c>
      <c r="L21" s="39">
        <v>0</v>
      </c>
      <c r="M21" s="1" t="s">
        <v>7</v>
      </c>
      <c r="N21" s="38">
        <v>0</v>
      </c>
      <c r="O21" s="38">
        <v>0</v>
      </c>
      <c r="P21" s="1" t="s">
        <v>7</v>
      </c>
    </row>
    <row r="22" spans="2:16" x14ac:dyDescent="0.2">
      <c r="B22" s="36" t="s">
        <v>100</v>
      </c>
    </row>
    <row r="23" spans="2:16" x14ac:dyDescent="0.2">
      <c r="B23" s="36" t="s">
        <v>126</v>
      </c>
    </row>
    <row r="24" spans="2:16" x14ac:dyDescent="0.2">
      <c r="B24" s="53" t="s">
        <v>59</v>
      </c>
      <c r="C24" s="46"/>
      <c r="D24" s="46"/>
      <c r="E24" s="46"/>
      <c r="F24" s="46"/>
      <c r="G24" s="46"/>
      <c r="H24" s="46"/>
      <c r="I24" s="46"/>
      <c r="J24" s="46"/>
      <c r="K24" s="46"/>
      <c r="L24" s="46"/>
      <c r="M24" s="46"/>
      <c r="N24" s="46"/>
      <c r="O24" s="46"/>
      <c r="P24" s="46"/>
    </row>
  </sheetData>
  <mergeCells count="1">
    <mergeCell ref="B24:P24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M19"/>
  <sheetViews>
    <sheetView rightToLeft="1" workbookViewId="0"/>
  </sheetViews>
  <sheetFormatPr defaultRowHeight="14.25" x14ac:dyDescent="0.2"/>
  <cols>
    <col min="1" max="1" width="3" customWidth="1"/>
    <col min="2" max="2" width="34" customWidth="1"/>
    <col min="3" max="4" width="11" customWidth="1"/>
    <col min="5" max="5" width="16" customWidth="1"/>
    <col min="6" max="7" width="10" customWidth="1"/>
    <col min="8" max="8" width="8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2:13" x14ac:dyDescent="0.2">
      <c r="B1" s="37" t="s">
        <v>0</v>
      </c>
      <c r="C1" s="37" t="s">
        <v>1</v>
      </c>
    </row>
    <row r="2" spans="2:13" x14ac:dyDescent="0.2">
      <c r="B2" s="37" t="s">
        <v>2</v>
      </c>
      <c r="C2" s="37" t="s">
        <v>3</v>
      </c>
    </row>
    <row r="3" spans="2:13" x14ac:dyDescent="0.2">
      <c r="B3" s="37" t="s">
        <v>4</v>
      </c>
      <c r="C3" s="37" t="s">
        <v>5</v>
      </c>
    </row>
    <row r="4" spans="2:13" x14ac:dyDescent="0.2">
      <c r="B4" s="37" t="s">
        <v>6</v>
      </c>
      <c r="C4" s="37">
        <v>1526</v>
      </c>
    </row>
    <row r="5" spans="2:13" x14ac:dyDescent="0.2">
      <c r="B5" s="37" t="s">
        <v>7</v>
      </c>
      <c r="C5" s="37" t="s">
        <v>7</v>
      </c>
    </row>
    <row r="6" spans="2:13" x14ac:dyDescent="0.2">
      <c r="B6" s="3" t="s">
        <v>101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2:13" x14ac:dyDescent="0.2">
      <c r="B7" s="3" t="s">
        <v>36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2:13" x14ac:dyDescent="0.2">
      <c r="B8" s="1" t="s">
        <v>61</v>
      </c>
      <c r="C8" s="1" t="s">
        <v>62</v>
      </c>
      <c r="D8" s="1" t="s">
        <v>103</v>
      </c>
      <c r="E8" s="1" t="s">
        <v>129</v>
      </c>
      <c r="F8" s="1" t="s">
        <v>66</v>
      </c>
      <c r="G8" s="1" t="s">
        <v>106</v>
      </c>
      <c r="H8" s="1" t="s">
        <v>107</v>
      </c>
      <c r="I8" s="1" t="s">
        <v>69</v>
      </c>
      <c r="J8" s="1" t="s">
        <v>109</v>
      </c>
      <c r="K8" s="1" t="s">
        <v>70</v>
      </c>
      <c r="L8" s="1" t="s">
        <v>110</v>
      </c>
      <c r="M8" s="1" t="s">
        <v>7</v>
      </c>
    </row>
    <row r="9" spans="2:13" x14ac:dyDescent="0.2"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12</v>
      </c>
      <c r="H9" s="1" t="s">
        <v>113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2:13" x14ac:dyDescent="0.2"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2:13" x14ac:dyDescent="0.2">
      <c r="B11" s="1" t="s">
        <v>369</v>
      </c>
      <c r="C11" s="1" t="s">
        <v>7</v>
      </c>
      <c r="D11" s="1" t="s">
        <v>7</v>
      </c>
      <c r="E11" s="1" t="s">
        <v>7</v>
      </c>
      <c r="F11" s="1" t="s">
        <v>7</v>
      </c>
      <c r="G11" s="39">
        <v>1340</v>
      </c>
      <c r="H11" s="1" t="s">
        <v>7</v>
      </c>
      <c r="I11" s="39">
        <v>0.11</v>
      </c>
      <c r="J11" s="1" t="s">
        <v>7</v>
      </c>
      <c r="K11" s="38">
        <v>1</v>
      </c>
      <c r="L11" s="38">
        <v>0</v>
      </c>
      <c r="M11" s="1" t="s">
        <v>7</v>
      </c>
    </row>
    <row r="12" spans="2:13" x14ac:dyDescent="0.2">
      <c r="B12" s="1" t="s">
        <v>370</v>
      </c>
      <c r="C12" s="1" t="s">
        <v>7</v>
      </c>
      <c r="D12" s="1" t="s">
        <v>7</v>
      </c>
      <c r="E12" s="1" t="s">
        <v>7</v>
      </c>
      <c r="F12" s="1" t="s">
        <v>7</v>
      </c>
      <c r="G12" s="39">
        <v>1340</v>
      </c>
      <c r="H12" s="1" t="s">
        <v>7</v>
      </c>
      <c r="I12" s="39">
        <v>0.11</v>
      </c>
      <c r="J12" s="1" t="s">
        <v>7</v>
      </c>
      <c r="K12" s="38">
        <v>1</v>
      </c>
      <c r="L12" s="38">
        <v>0</v>
      </c>
      <c r="M12" s="1" t="s">
        <v>7</v>
      </c>
    </row>
    <row r="13" spans="2:13" x14ac:dyDescent="0.2">
      <c r="B13" s="1" t="s">
        <v>371</v>
      </c>
      <c r="C13" s="1" t="s">
        <v>7</v>
      </c>
      <c r="D13" s="1" t="s">
        <v>7</v>
      </c>
      <c r="E13" s="1" t="s">
        <v>7</v>
      </c>
      <c r="F13" s="1" t="s">
        <v>7</v>
      </c>
      <c r="G13" s="1" t="s">
        <v>7</v>
      </c>
      <c r="H13" s="1" t="s">
        <v>7</v>
      </c>
      <c r="I13" s="1" t="s">
        <v>7</v>
      </c>
      <c r="J13" s="1" t="s">
        <v>7</v>
      </c>
      <c r="K13" s="1" t="s">
        <v>7</v>
      </c>
      <c r="L13" s="1" t="s">
        <v>7</v>
      </c>
      <c r="M13" s="1" t="s">
        <v>7</v>
      </c>
    </row>
    <row r="14" spans="2:13" x14ac:dyDescent="0.2">
      <c r="B14" s="40" t="s">
        <v>372</v>
      </c>
      <c r="C14" s="41">
        <v>1155746</v>
      </c>
      <c r="D14" s="40" t="s">
        <v>149</v>
      </c>
      <c r="E14" s="40" t="s">
        <v>373</v>
      </c>
      <c r="F14" s="40" t="s">
        <v>86</v>
      </c>
      <c r="G14" s="43">
        <v>1340</v>
      </c>
      <c r="H14" s="43">
        <v>8</v>
      </c>
      <c r="I14" s="43">
        <v>0.11</v>
      </c>
      <c r="J14" s="42">
        <v>4.0000000000000002E-4</v>
      </c>
      <c r="K14" s="42">
        <v>1</v>
      </c>
      <c r="L14" s="42">
        <v>0</v>
      </c>
      <c r="M14" s="40" t="s">
        <v>7</v>
      </c>
    </row>
    <row r="15" spans="2:13" x14ac:dyDescent="0.2">
      <c r="B15" s="1" t="s">
        <v>138</v>
      </c>
      <c r="C15" s="1" t="s">
        <v>7</v>
      </c>
      <c r="D15" s="1" t="s">
        <v>7</v>
      </c>
      <c r="E15" s="1" t="s">
        <v>7</v>
      </c>
      <c r="F15" s="1" t="s">
        <v>7</v>
      </c>
      <c r="G15" s="39">
        <v>0</v>
      </c>
      <c r="H15" s="1" t="s">
        <v>7</v>
      </c>
      <c r="I15" s="39">
        <v>0</v>
      </c>
      <c r="J15" s="1" t="s">
        <v>7</v>
      </c>
      <c r="K15" s="38">
        <v>0</v>
      </c>
      <c r="L15" s="38">
        <v>0</v>
      </c>
      <c r="M15" s="1" t="s">
        <v>7</v>
      </c>
    </row>
    <row r="16" spans="2:13" x14ac:dyDescent="0.2">
      <c r="B16" s="1" t="s">
        <v>374</v>
      </c>
      <c r="C16" s="1" t="s">
        <v>7</v>
      </c>
      <c r="D16" s="1" t="s">
        <v>7</v>
      </c>
      <c r="E16" s="1" t="s">
        <v>7</v>
      </c>
      <c r="F16" s="1" t="s">
        <v>7</v>
      </c>
      <c r="G16" s="1" t="s">
        <v>7</v>
      </c>
      <c r="H16" s="1" t="s">
        <v>7</v>
      </c>
      <c r="I16" s="1" t="s">
        <v>7</v>
      </c>
      <c r="J16" s="1" t="s">
        <v>7</v>
      </c>
      <c r="K16" s="1" t="s">
        <v>7</v>
      </c>
      <c r="L16" s="1" t="s">
        <v>7</v>
      </c>
      <c r="M16" s="1" t="s">
        <v>7</v>
      </c>
    </row>
    <row r="17" spans="2:13" x14ac:dyDescent="0.2">
      <c r="B17" s="36" t="s">
        <v>100</v>
      </c>
    </row>
    <row r="18" spans="2:13" x14ac:dyDescent="0.2">
      <c r="B18" s="36" t="s">
        <v>126</v>
      </c>
    </row>
    <row r="19" spans="2:13" x14ac:dyDescent="0.2">
      <c r="B19" s="54" t="s">
        <v>59</v>
      </c>
      <c r="C19" s="46"/>
      <c r="D19" s="46"/>
      <c r="E19" s="46"/>
      <c r="F19" s="46"/>
      <c r="G19" s="46"/>
      <c r="H19" s="46"/>
      <c r="I19" s="46"/>
      <c r="J19" s="46"/>
      <c r="K19" s="46"/>
      <c r="L19" s="46"/>
      <c r="M19" s="46"/>
    </row>
  </sheetData>
  <mergeCells count="1">
    <mergeCell ref="B19:M19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גליונות עבודה</vt:lpstr>
      </vt:variant>
      <vt:variant>
        <vt:i4>30</vt:i4>
      </vt:variant>
    </vt:vector>
  </HeadingPairs>
  <TitlesOfParts>
    <vt:vector size="30" baseType="lpstr">
      <vt:lpstr>סכום נכסי הקרן</vt:lpstr>
      <vt:lpstr>מזומנים</vt:lpstr>
      <vt:lpstr>תעודות התחייבות ממשלתיות</vt:lpstr>
      <vt:lpstr>תעודות חוב מסחריות</vt:lpstr>
      <vt:lpstr>אג"ח קונצרני</vt:lpstr>
      <vt:lpstr>מניות</vt:lpstr>
      <vt:lpstr>קרנות סל</vt:lpstr>
      <vt:lpstr>קרנות נאמנות</vt:lpstr>
      <vt:lpstr>כתבי אופציה</vt:lpstr>
      <vt:lpstr>אופציות</vt:lpstr>
      <vt:lpstr>חוזים עתידיים</vt:lpstr>
      <vt:lpstr>מוצרים מובנים</vt:lpstr>
      <vt:lpstr>לא סחיר- תעודות התחייבות ממשלתי</vt:lpstr>
      <vt:lpstr>לא סחיר - תעודות חוב מסחריות</vt:lpstr>
      <vt:lpstr>לא סחיר - אג"ח קונצרני</vt:lpstr>
      <vt:lpstr>לא סחיר - מניות</vt:lpstr>
      <vt:lpstr>לא סחיר - קרנות השקעה</vt:lpstr>
      <vt:lpstr>לא סחיר - כתבי אופציה</vt:lpstr>
      <vt:lpstr>לא סחיר - אופציות</vt:lpstr>
      <vt:lpstr>לא סחיר - חוזים עתידיים</vt:lpstr>
      <vt:lpstr>לא סחיר - מוצרים מובנים</vt:lpstr>
      <vt:lpstr>הלוואות</vt:lpstr>
      <vt:lpstr>פקדונות מעל 3 חודשים</vt:lpstr>
      <vt:lpstr>זכויות מקרקעין</vt:lpstr>
      <vt:lpstr>השקעה בחברות מוחזקות</vt:lpstr>
      <vt:lpstr>השקעות אחרות</vt:lpstr>
      <vt:lpstr>יתרת התחייבות להשקעה</vt:lpstr>
      <vt:lpstr>עלות מתואמת אג"ח קונצרני סחיר</vt:lpstr>
      <vt:lpstr>עלות מתואמת אג"ח קונצרני ל.סחיר</vt:lpstr>
      <vt:lpstr>עלות מתואמת מסגרות אשראי ללווים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Pinhas Abramov</cp:lastModifiedBy>
  <dcterms:created xsi:type="dcterms:W3CDTF">2022-01-22T22:07:47Z</dcterms:created>
  <dcterms:modified xsi:type="dcterms:W3CDTF">2022-02-09T11:52:37Z</dcterms:modified>
</cp:coreProperties>
</file>